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drawings/drawing1.xml" ContentType="application/vnd.openxmlformats-officedocument.drawingml.chartshap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9" r:id="rId1"/>
  </p:sldMasterIdLst>
  <p:notesMasterIdLst>
    <p:notesMasterId r:id="rId10"/>
  </p:notesMasterIdLst>
  <p:sldIdLst>
    <p:sldId id="256" r:id="rId2"/>
    <p:sldId id="264" r:id="rId3"/>
    <p:sldId id="257" r:id="rId4"/>
    <p:sldId id="258" r:id="rId5"/>
    <p:sldId id="259" r:id="rId6"/>
    <p:sldId id="268" r:id="rId7"/>
    <p:sldId id="269" r:id="rId8"/>
    <p:sldId id="260" r:id="rId9"/>
  </p:sldIdLst>
  <p:sldSz cx="9144000" cy="6858000" type="screen4x3"/>
  <p:notesSz cx="6858000" cy="91440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Verdana" panose="020B0604030504040204" pitchFamily="34" charset="0"/>
        <a:ea typeface="ＭＳ Ｐゴシック" panose="020B0600070205080204" pitchFamily="34" charset="-128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Verdana" panose="020B0604030504040204" pitchFamily="34" charset="0"/>
        <a:ea typeface="ＭＳ Ｐゴシック" panose="020B0600070205080204" pitchFamily="34" charset="-128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Verdana" panose="020B0604030504040204" pitchFamily="34" charset="0"/>
        <a:ea typeface="ＭＳ Ｐゴシック" panose="020B0600070205080204" pitchFamily="34" charset="-128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Verdana" panose="020B0604030504040204" pitchFamily="34" charset="0"/>
        <a:ea typeface="ＭＳ Ｐゴシック" panose="020B0600070205080204" pitchFamily="34" charset="-128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Verdana" panose="020B0604030504040204" pitchFamily="34" charset="0"/>
        <a:ea typeface="ＭＳ Ｐゴシック" panose="020B0600070205080204" pitchFamily="34" charset="-128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Verdana" panose="020B0604030504040204" pitchFamily="34" charset="0"/>
        <a:ea typeface="ＭＳ Ｐゴシック" panose="020B0600070205080204" pitchFamily="34" charset="-128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Verdana" panose="020B0604030504040204" pitchFamily="34" charset="0"/>
        <a:ea typeface="ＭＳ Ｐゴシック" panose="020B0600070205080204" pitchFamily="34" charset="-128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Verdana" panose="020B0604030504040204" pitchFamily="34" charset="0"/>
        <a:ea typeface="ＭＳ Ｐゴシック" panose="020B0600070205080204" pitchFamily="34" charset="-128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Verdana" panose="020B0604030504040204" pitchFamily="34" charset="0"/>
        <a:ea typeface="ＭＳ Ｐゴシック" panose="020B0600070205080204" pitchFamily="34" charset="-128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FF99"/>
    <a:srgbClr val="CC6600"/>
    <a:srgbClr val="FF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94" d="100"/>
          <a:sy n="94" d="100"/>
        </p:scale>
        <p:origin x="744" y="8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viewProps" Target="view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presProps" Target="presProps.xml"/><Relationship Id="rId5" Type="http://schemas.openxmlformats.org/officeDocument/2006/relationships/slide" Target="slides/slide4.xml"/><Relationship Id="rId10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ableStyles" Target="tableStyle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Ed\Documents\CSC%20517\s25\Teammate%20review%20scores%20over%20time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Ed\Documents\CSC%20517\s25\Teammate%20review%20scores%20over%20time.xlsx" TargetMode="External"/><Relationship Id="rId2" Type="http://schemas.microsoft.com/office/2011/relationships/chartColorStyle" Target="colors2.xml"/><Relationship Id="rId1" Type="http://schemas.microsoft.com/office/2011/relationships/chartStyle" Target="style2.xml"/><Relationship Id="rId4" Type="http://schemas.openxmlformats.org/officeDocument/2006/relationships/chartUserShapes" Target="../drawings/drawing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>
                <a:solidFill>
                  <a:srgbClr val="CC6600"/>
                </a:solidFill>
              </a:rPr>
              <a:t>Teammate</a:t>
            </a:r>
            <a:r>
              <a:rPr lang="en-US" baseline="0">
                <a:solidFill>
                  <a:srgbClr val="CC6600"/>
                </a:solidFill>
              </a:rPr>
              <a:t> Review Scores over Time</a:t>
            </a:r>
            <a:endParaRPr lang="en-US">
              <a:solidFill>
                <a:srgbClr val="CC6600"/>
              </a:solidFill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Avg.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>
              <a:noFill/>
            </a:ln>
            <a:effectLst/>
          </c:spPr>
          <c:invertIfNegative val="0"/>
          <c:cat>
            <c:strRef>
              <c:f>Sheet1!$A$2:$A$21</c:f>
              <c:strCache>
                <c:ptCount val="20"/>
                <c:pt idx="0">
                  <c:v>S'15</c:v>
                </c:pt>
                <c:pt idx="1">
                  <c:v>F'15</c:v>
                </c:pt>
                <c:pt idx="2">
                  <c:v>S'16</c:v>
                </c:pt>
                <c:pt idx="3">
                  <c:v>F'16</c:v>
                </c:pt>
                <c:pt idx="4">
                  <c:v>S'17</c:v>
                </c:pt>
                <c:pt idx="5">
                  <c:v>F'17</c:v>
                </c:pt>
                <c:pt idx="6">
                  <c:v>S'18</c:v>
                </c:pt>
                <c:pt idx="7">
                  <c:v>F'18</c:v>
                </c:pt>
                <c:pt idx="8">
                  <c:v>S'19</c:v>
                </c:pt>
                <c:pt idx="9">
                  <c:v>F'19</c:v>
                </c:pt>
                <c:pt idx="10">
                  <c:v>S'20</c:v>
                </c:pt>
                <c:pt idx="11">
                  <c:v>F'20</c:v>
                </c:pt>
                <c:pt idx="12">
                  <c:v>S'21</c:v>
                </c:pt>
                <c:pt idx="13">
                  <c:v>F'21</c:v>
                </c:pt>
                <c:pt idx="14">
                  <c:v>S'22</c:v>
                </c:pt>
                <c:pt idx="15">
                  <c:v>F'22</c:v>
                </c:pt>
                <c:pt idx="16">
                  <c:v>S'23</c:v>
                </c:pt>
                <c:pt idx="17">
                  <c:v>F'23</c:v>
                </c:pt>
                <c:pt idx="18">
                  <c:v>S'24</c:v>
                </c:pt>
                <c:pt idx="19">
                  <c:v>F'24</c:v>
                </c:pt>
              </c:strCache>
            </c:strRef>
          </c:cat>
          <c:val>
            <c:numRef>
              <c:f>Sheet1!$B$2:$B$21</c:f>
              <c:numCache>
                <c:formatCode>General</c:formatCode>
                <c:ptCount val="20"/>
                <c:pt idx="0">
                  <c:v>97</c:v>
                </c:pt>
                <c:pt idx="1">
                  <c:v>97.9</c:v>
                </c:pt>
                <c:pt idx="2">
                  <c:v>96.2</c:v>
                </c:pt>
                <c:pt idx="3">
                  <c:v>88</c:v>
                </c:pt>
                <c:pt idx="4">
                  <c:v>79</c:v>
                </c:pt>
                <c:pt idx="5">
                  <c:v>77</c:v>
                </c:pt>
                <c:pt idx="6">
                  <c:v>74</c:v>
                </c:pt>
                <c:pt idx="7">
                  <c:v>76</c:v>
                </c:pt>
                <c:pt idx="8">
                  <c:v>76</c:v>
                </c:pt>
                <c:pt idx="9">
                  <c:v>80</c:v>
                </c:pt>
                <c:pt idx="10">
                  <c:v>84</c:v>
                </c:pt>
                <c:pt idx="11">
                  <c:v>84</c:v>
                </c:pt>
                <c:pt idx="12">
                  <c:v>81</c:v>
                </c:pt>
                <c:pt idx="13">
                  <c:v>86</c:v>
                </c:pt>
                <c:pt idx="14">
                  <c:v>86</c:v>
                </c:pt>
                <c:pt idx="15">
                  <c:v>82</c:v>
                </c:pt>
                <c:pt idx="16">
                  <c:v>78</c:v>
                </c:pt>
                <c:pt idx="17">
                  <c:v>93.7</c:v>
                </c:pt>
                <c:pt idx="18">
                  <c:v>90</c:v>
                </c:pt>
                <c:pt idx="19">
                  <c:v>86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33B-446C-BB42-7EE8F904099E}"/>
            </c:ext>
          </c:extLst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Median</c:v>
                </c:pt>
              </c:strCache>
            </c:strRef>
          </c:tx>
          <c:spPr>
            <a:solidFill>
              <a:schemeClr val="accent1">
                <a:lumMod val="75000"/>
              </a:schemeClr>
            </a:solidFill>
            <a:ln>
              <a:noFill/>
            </a:ln>
            <a:effectLst/>
          </c:spPr>
          <c:invertIfNegative val="0"/>
          <c:cat>
            <c:strRef>
              <c:f>Sheet1!$A$2:$A$21</c:f>
              <c:strCache>
                <c:ptCount val="20"/>
                <c:pt idx="0">
                  <c:v>S'15</c:v>
                </c:pt>
                <c:pt idx="1">
                  <c:v>F'15</c:v>
                </c:pt>
                <c:pt idx="2">
                  <c:v>S'16</c:v>
                </c:pt>
                <c:pt idx="3">
                  <c:v>F'16</c:v>
                </c:pt>
                <c:pt idx="4">
                  <c:v>S'17</c:v>
                </c:pt>
                <c:pt idx="5">
                  <c:v>F'17</c:v>
                </c:pt>
                <c:pt idx="6">
                  <c:v>S'18</c:v>
                </c:pt>
                <c:pt idx="7">
                  <c:v>F'18</c:v>
                </c:pt>
                <c:pt idx="8">
                  <c:v>S'19</c:v>
                </c:pt>
                <c:pt idx="9">
                  <c:v>F'19</c:v>
                </c:pt>
                <c:pt idx="10">
                  <c:v>S'20</c:v>
                </c:pt>
                <c:pt idx="11">
                  <c:v>F'20</c:v>
                </c:pt>
                <c:pt idx="12">
                  <c:v>S'21</c:v>
                </c:pt>
                <c:pt idx="13">
                  <c:v>F'21</c:v>
                </c:pt>
                <c:pt idx="14">
                  <c:v>S'22</c:v>
                </c:pt>
                <c:pt idx="15">
                  <c:v>F'22</c:v>
                </c:pt>
                <c:pt idx="16">
                  <c:v>S'23</c:v>
                </c:pt>
                <c:pt idx="17">
                  <c:v>F'23</c:v>
                </c:pt>
                <c:pt idx="18">
                  <c:v>S'24</c:v>
                </c:pt>
                <c:pt idx="19">
                  <c:v>F'24</c:v>
                </c:pt>
              </c:strCache>
            </c:strRef>
          </c:cat>
          <c:val>
            <c:numRef>
              <c:f>Sheet1!$C$2:$C$21</c:f>
              <c:numCache>
                <c:formatCode>General</c:formatCode>
                <c:ptCount val="20"/>
                <c:pt idx="0">
                  <c:v>99</c:v>
                </c:pt>
                <c:pt idx="1">
                  <c:v>99</c:v>
                </c:pt>
                <c:pt idx="2">
                  <c:v>99</c:v>
                </c:pt>
                <c:pt idx="3">
                  <c:v>89</c:v>
                </c:pt>
                <c:pt idx="4">
                  <c:v>81</c:v>
                </c:pt>
                <c:pt idx="5">
                  <c:v>79</c:v>
                </c:pt>
                <c:pt idx="6">
                  <c:v>76</c:v>
                </c:pt>
                <c:pt idx="7">
                  <c:v>78</c:v>
                </c:pt>
                <c:pt idx="8">
                  <c:v>80</c:v>
                </c:pt>
                <c:pt idx="9">
                  <c:v>82</c:v>
                </c:pt>
                <c:pt idx="10">
                  <c:v>88</c:v>
                </c:pt>
                <c:pt idx="11">
                  <c:v>87</c:v>
                </c:pt>
                <c:pt idx="12">
                  <c:v>88</c:v>
                </c:pt>
                <c:pt idx="13">
                  <c:v>89</c:v>
                </c:pt>
                <c:pt idx="14">
                  <c:v>89</c:v>
                </c:pt>
                <c:pt idx="15">
                  <c:v>86</c:v>
                </c:pt>
                <c:pt idx="16">
                  <c:v>83</c:v>
                </c:pt>
                <c:pt idx="17">
                  <c:v>95</c:v>
                </c:pt>
                <c:pt idx="18">
                  <c:v>93</c:v>
                </c:pt>
                <c:pt idx="19">
                  <c:v>9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33B-446C-BB42-7EE8F904099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735966504"/>
        <c:axId val="735970464"/>
      </c:barChart>
      <c:catAx>
        <c:axId val="7359665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rgbClr val="CC66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35970464"/>
        <c:crosses val="autoZero"/>
        <c:auto val="1"/>
        <c:lblAlgn val="ctr"/>
        <c:lblOffset val="100"/>
        <c:noMultiLvlLbl val="0"/>
      </c:catAx>
      <c:valAx>
        <c:axId val="735970464"/>
        <c:scaling>
          <c:orientation val="minMax"/>
          <c:max val="1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rgbClr val="CC66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3596650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rgbClr val="CC66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>
        <a:lumMod val="20000"/>
        <a:lumOff val="80000"/>
      </a:schemeClr>
    </a:solidFill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>
                <a:solidFill>
                  <a:srgbClr val="CC6600"/>
                </a:solidFill>
              </a:rPr>
              <a:t>Teammate</a:t>
            </a:r>
            <a:r>
              <a:rPr lang="en-US" baseline="0">
                <a:solidFill>
                  <a:srgbClr val="CC6600"/>
                </a:solidFill>
              </a:rPr>
              <a:t> Review Scores over Time</a:t>
            </a:r>
            <a:endParaRPr lang="en-US">
              <a:solidFill>
                <a:srgbClr val="CC6600"/>
              </a:solidFill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Avg.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>
              <a:noFill/>
            </a:ln>
            <a:effectLst/>
          </c:spPr>
          <c:invertIfNegative val="0"/>
          <c:cat>
            <c:strRef>
              <c:f>Sheet1!$A$2:$A$21</c:f>
              <c:strCache>
                <c:ptCount val="20"/>
                <c:pt idx="0">
                  <c:v>S'15</c:v>
                </c:pt>
                <c:pt idx="1">
                  <c:v>F'15</c:v>
                </c:pt>
                <c:pt idx="2">
                  <c:v>S'16</c:v>
                </c:pt>
                <c:pt idx="3">
                  <c:v>F'16</c:v>
                </c:pt>
                <c:pt idx="4">
                  <c:v>S'17</c:v>
                </c:pt>
                <c:pt idx="5">
                  <c:v>F'17</c:v>
                </c:pt>
                <c:pt idx="6">
                  <c:v>S'18</c:v>
                </c:pt>
                <c:pt idx="7">
                  <c:v>F'18</c:v>
                </c:pt>
                <c:pt idx="8">
                  <c:v>S'19</c:v>
                </c:pt>
                <c:pt idx="9">
                  <c:v>F'19</c:v>
                </c:pt>
                <c:pt idx="10">
                  <c:v>S'20</c:v>
                </c:pt>
                <c:pt idx="11">
                  <c:v>F'20</c:v>
                </c:pt>
                <c:pt idx="12">
                  <c:v>S'21</c:v>
                </c:pt>
                <c:pt idx="13">
                  <c:v>F'21</c:v>
                </c:pt>
                <c:pt idx="14">
                  <c:v>S'22</c:v>
                </c:pt>
                <c:pt idx="15">
                  <c:v>F'22</c:v>
                </c:pt>
                <c:pt idx="16">
                  <c:v>S'23</c:v>
                </c:pt>
                <c:pt idx="17">
                  <c:v>F'23</c:v>
                </c:pt>
                <c:pt idx="18">
                  <c:v>S'24</c:v>
                </c:pt>
                <c:pt idx="19">
                  <c:v>F'24</c:v>
                </c:pt>
              </c:strCache>
            </c:strRef>
          </c:cat>
          <c:val>
            <c:numRef>
              <c:f>Sheet1!$B$2:$B$21</c:f>
              <c:numCache>
                <c:formatCode>General</c:formatCode>
                <c:ptCount val="20"/>
                <c:pt idx="0">
                  <c:v>97</c:v>
                </c:pt>
                <c:pt idx="1">
                  <c:v>97.9</c:v>
                </c:pt>
                <c:pt idx="2">
                  <c:v>96.2</c:v>
                </c:pt>
                <c:pt idx="3">
                  <c:v>88</c:v>
                </c:pt>
                <c:pt idx="4">
                  <c:v>79</c:v>
                </c:pt>
                <c:pt idx="5">
                  <c:v>77</c:v>
                </c:pt>
                <c:pt idx="6">
                  <c:v>74</c:v>
                </c:pt>
                <c:pt idx="7">
                  <c:v>76</c:v>
                </c:pt>
                <c:pt idx="8">
                  <c:v>76</c:v>
                </c:pt>
                <c:pt idx="9">
                  <c:v>80</c:v>
                </c:pt>
                <c:pt idx="10">
                  <c:v>84</c:v>
                </c:pt>
                <c:pt idx="11">
                  <c:v>84</c:v>
                </c:pt>
                <c:pt idx="12">
                  <c:v>81</c:v>
                </c:pt>
                <c:pt idx="13">
                  <c:v>86</c:v>
                </c:pt>
                <c:pt idx="14">
                  <c:v>86</c:v>
                </c:pt>
                <c:pt idx="15">
                  <c:v>82</c:v>
                </c:pt>
                <c:pt idx="16">
                  <c:v>78</c:v>
                </c:pt>
                <c:pt idx="17">
                  <c:v>93.7</c:v>
                </c:pt>
                <c:pt idx="18">
                  <c:v>90</c:v>
                </c:pt>
                <c:pt idx="19">
                  <c:v>86.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33B-446C-BB42-7EE8F904099E}"/>
            </c:ext>
          </c:extLst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Median</c:v>
                </c:pt>
              </c:strCache>
            </c:strRef>
          </c:tx>
          <c:spPr>
            <a:solidFill>
              <a:schemeClr val="accent1">
                <a:lumMod val="75000"/>
              </a:schemeClr>
            </a:solidFill>
            <a:ln>
              <a:noFill/>
            </a:ln>
            <a:effectLst/>
          </c:spPr>
          <c:invertIfNegative val="0"/>
          <c:cat>
            <c:strRef>
              <c:f>Sheet1!$A$2:$A$21</c:f>
              <c:strCache>
                <c:ptCount val="20"/>
                <c:pt idx="0">
                  <c:v>S'15</c:v>
                </c:pt>
                <c:pt idx="1">
                  <c:v>F'15</c:v>
                </c:pt>
                <c:pt idx="2">
                  <c:v>S'16</c:v>
                </c:pt>
                <c:pt idx="3">
                  <c:v>F'16</c:v>
                </c:pt>
                <c:pt idx="4">
                  <c:v>S'17</c:v>
                </c:pt>
                <c:pt idx="5">
                  <c:v>F'17</c:v>
                </c:pt>
                <c:pt idx="6">
                  <c:v>S'18</c:v>
                </c:pt>
                <c:pt idx="7">
                  <c:v>F'18</c:v>
                </c:pt>
                <c:pt idx="8">
                  <c:v>S'19</c:v>
                </c:pt>
                <c:pt idx="9">
                  <c:v>F'19</c:v>
                </c:pt>
                <c:pt idx="10">
                  <c:v>S'20</c:v>
                </c:pt>
                <c:pt idx="11">
                  <c:v>F'20</c:v>
                </c:pt>
                <c:pt idx="12">
                  <c:v>S'21</c:v>
                </c:pt>
                <c:pt idx="13">
                  <c:v>F'21</c:v>
                </c:pt>
                <c:pt idx="14">
                  <c:v>S'22</c:v>
                </c:pt>
                <c:pt idx="15">
                  <c:v>F'22</c:v>
                </c:pt>
                <c:pt idx="16">
                  <c:v>S'23</c:v>
                </c:pt>
                <c:pt idx="17">
                  <c:v>F'23</c:v>
                </c:pt>
                <c:pt idx="18">
                  <c:v>S'24</c:v>
                </c:pt>
                <c:pt idx="19">
                  <c:v>F'24</c:v>
                </c:pt>
              </c:strCache>
            </c:strRef>
          </c:cat>
          <c:val>
            <c:numRef>
              <c:f>Sheet1!$C$2:$C$21</c:f>
              <c:numCache>
                <c:formatCode>General</c:formatCode>
                <c:ptCount val="20"/>
                <c:pt idx="0">
                  <c:v>99</c:v>
                </c:pt>
                <c:pt idx="1">
                  <c:v>99</c:v>
                </c:pt>
                <c:pt idx="2">
                  <c:v>99</c:v>
                </c:pt>
                <c:pt idx="3">
                  <c:v>89</c:v>
                </c:pt>
                <c:pt idx="4">
                  <c:v>81</c:v>
                </c:pt>
                <c:pt idx="5">
                  <c:v>79</c:v>
                </c:pt>
                <c:pt idx="6">
                  <c:v>76</c:v>
                </c:pt>
                <c:pt idx="7">
                  <c:v>78</c:v>
                </c:pt>
                <c:pt idx="8">
                  <c:v>80</c:v>
                </c:pt>
                <c:pt idx="9">
                  <c:v>82</c:v>
                </c:pt>
                <c:pt idx="10">
                  <c:v>88</c:v>
                </c:pt>
                <c:pt idx="11">
                  <c:v>87</c:v>
                </c:pt>
                <c:pt idx="12">
                  <c:v>88</c:v>
                </c:pt>
                <c:pt idx="13">
                  <c:v>89</c:v>
                </c:pt>
                <c:pt idx="14">
                  <c:v>89</c:v>
                </c:pt>
                <c:pt idx="15">
                  <c:v>86</c:v>
                </c:pt>
                <c:pt idx="16">
                  <c:v>83</c:v>
                </c:pt>
                <c:pt idx="17">
                  <c:v>95</c:v>
                </c:pt>
                <c:pt idx="18">
                  <c:v>93</c:v>
                </c:pt>
                <c:pt idx="19">
                  <c:v>9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33B-446C-BB42-7EE8F904099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735966504"/>
        <c:axId val="735970464"/>
      </c:barChart>
      <c:catAx>
        <c:axId val="7359665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rgbClr val="CC66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35970464"/>
        <c:crosses val="autoZero"/>
        <c:auto val="1"/>
        <c:lblAlgn val="ctr"/>
        <c:lblOffset val="100"/>
        <c:noMultiLvlLbl val="0"/>
      </c:catAx>
      <c:valAx>
        <c:axId val="735970464"/>
        <c:scaling>
          <c:orientation val="minMax"/>
          <c:max val="1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50000"/>
                  <a:lumOff val="50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rgbClr val="CC66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73596650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rgbClr val="CC66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>
        <a:lumMod val="20000"/>
        <a:lumOff val="80000"/>
      </a:schemeClr>
    </a:solidFill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  <c:userShapes r:id="rId4"/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84762</cdr:x>
      <cdr:y>0.11976</cdr:y>
    </cdr:from>
    <cdr:to>
      <cdr:x>0.93333</cdr:x>
      <cdr:y>0.8982</cdr:y>
    </cdr:to>
    <cdr:sp macro="" textlink="">
      <cdr:nvSpPr>
        <cdr:cNvPr id="4" name="Rectangle 3">
          <a:extLst xmlns:a="http://schemas.openxmlformats.org/drawingml/2006/main">
            <a:ext uri="{FF2B5EF4-FFF2-40B4-BE49-F238E27FC236}">
              <a16:creationId xmlns:a16="http://schemas.microsoft.com/office/drawing/2014/main" id="{DFF8EF83-5B19-52EF-3504-AFFC200D2638}"/>
            </a:ext>
          </a:extLst>
        </cdr:cNvPr>
        <cdr:cNvSpPr/>
      </cdr:nvSpPr>
      <cdr:spPr bwMode="auto">
        <a:xfrm xmlns:a="http://schemas.openxmlformats.org/drawingml/2006/main">
          <a:off x="6781800" y="609600"/>
          <a:ext cx="685800" cy="3962400"/>
        </a:xfrm>
        <a:prstGeom xmlns:a="http://schemas.openxmlformats.org/drawingml/2006/main" prst="rect">
          <a:avLst/>
        </a:prstGeom>
        <a:solidFill xmlns:a="http://schemas.openxmlformats.org/drawingml/2006/main">
          <a:srgbClr val="92D050">
            <a:alpha val="30000"/>
          </a:srgbClr>
        </a:solidFill>
        <a:ln xmlns:a="http://schemas.openxmlformats.org/drawingml/2006/main"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 xmlns:a="http://schemas.openxmlformats.org/drawingml/2006/main"/>
        <a:extLst xmlns:a="http://schemas.openxmlformats.org/drawingml/2006/main">
          <a:ext uri="{AF507438-7753-43e0-B8FC-AC1667EBCBE1}">
            <a14:hiddenEffects xmlns="" xmlns:a14="http://schemas.microsoft.com/office/drawing/2010/main" xmlns:lc="http://schemas.openxmlformats.org/drawingml/2006/lockedCanvas">
              <a:effectLst>
                <a:outerShdw blurRad="63500" dist="38099" dir="2700000" algn="ctr" rotWithShape="0">
                  <a:schemeClr val="bg2">
                    <a:alpha val="74998"/>
                  </a:schemeClr>
                </a:outerShdw>
              </a:effectLst>
            </a14:hiddenEffects>
          </a:ext>
        </a:extLst>
      </cdr:spPr>
      <cdr:txBody>
        <a:bodyPr xmlns:a="http://schemas.openxmlformats.org/drawingml/2006/main" vert="horz" wrap="square" lIns="91440" tIns="45720" rIns="91440" bIns="45720" numCol="1" anchor="t" anchorCtr="0" compatLnSpc="1">
          <a:prstTxWarp prst="textNoShape">
            <a:avLst/>
          </a:prstTxWarp>
        </a:bodyPr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endParaRPr lang="en-US" kern="1200"/>
        </a:p>
      </cdr:txBody>
    </cdr:sp>
  </cdr:relSizeAnchor>
</c:userShape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>
            <a:extLst>
              <a:ext uri="{FF2B5EF4-FFF2-40B4-BE49-F238E27FC236}">
                <a16:creationId xmlns:a16="http://schemas.microsoft.com/office/drawing/2014/main" id="{4CF1B0CA-B58C-72FF-7341-11197AFFA269}"/>
              </a:ext>
            </a:extLst>
          </p:cNvPr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eaLnBrk="1" hangingPunct="1">
              <a:defRPr sz="1200">
                <a:latin typeface="Arial" charset="0"/>
                <a:ea typeface="ＭＳ Ｐゴシック" charset="0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075" name="Rectangle 3">
            <a:extLst>
              <a:ext uri="{FF2B5EF4-FFF2-40B4-BE49-F238E27FC236}">
                <a16:creationId xmlns:a16="http://schemas.microsoft.com/office/drawing/2014/main" id="{5BD223D4-41E4-644D-7C17-C9A9CDA628D1}"/>
              </a:ext>
            </a:extLst>
          </p:cNvPr>
          <p:cNvSpPr>
            <a:spLocks noGrp="1" noChangeArrowheads="1"/>
          </p:cNvSpPr>
          <p:nvPr>
            <p:ph type="dt" idx="1"/>
          </p:nvPr>
        </p:nvSpPr>
        <p:spPr bwMode="auto">
          <a:xfrm>
            <a:off x="3884613" y="0"/>
            <a:ext cx="2971800" cy="4572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200">
                <a:latin typeface="Arial" charset="0"/>
                <a:ea typeface="ＭＳ Ｐゴシック" charset="0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076" name="Rectangle 4">
            <a:extLst>
              <a:ext uri="{FF2B5EF4-FFF2-40B4-BE49-F238E27FC236}">
                <a16:creationId xmlns:a16="http://schemas.microsoft.com/office/drawing/2014/main" id="{5D671241-842A-5E30-3649-ED4B887FA1BF}"/>
              </a:ext>
            </a:extLst>
          </p:cNvPr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3077" name="Rectangle 5">
            <a:extLst>
              <a:ext uri="{FF2B5EF4-FFF2-40B4-BE49-F238E27FC236}">
                <a16:creationId xmlns:a16="http://schemas.microsoft.com/office/drawing/2014/main" id="{1FBA6A37-182C-5BA0-5D94-FC873DE995EA}"/>
              </a:ext>
            </a:extLst>
          </p:cNvPr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5800" y="4343400"/>
            <a:ext cx="5486400" cy="41148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/>
              <a:t>Click to 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</a:p>
        </p:txBody>
      </p:sp>
      <p:sp>
        <p:nvSpPr>
          <p:cNvPr id="3078" name="Rectangle 6">
            <a:extLst>
              <a:ext uri="{FF2B5EF4-FFF2-40B4-BE49-F238E27FC236}">
                <a16:creationId xmlns:a16="http://schemas.microsoft.com/office/drawing/2014/main" id="{2AB96390-CCDA-E0CE-D4D0-ECC956FFA11E}"/>
              </a:ext>
            </a:extLst>
          </p:cNvPr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685213"/>
            <a:ext cx="2971800" cy="4572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eaLnBrk="1" hangingPunct="1">
              <a:defRPr sz="1200">
                <a:latin typeface="Arial" charset="0"/>
                <a:ea typeface="ＭＳ Ｐゴシック" charset="0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079" name="Rectangle 7">
            <a:extLst>
              <a:ext uri="{FF2B5EF4-FFF2-40B4-BE49-F238E27FC236}">
                <a16:creationId xmlns:a16="http://schemas.microsoft.com/office/drawing/2014/main" id="{0E1EE3FA-E608-ABBB-2B1B-2286541F8C59}"/>
              </a:ext>
            </a:extLst>
          </p:cNvPr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>
                <a:latin typeface="Arial" panose="020B0604020202020204" pitchFamily="34" charset="0"/>
              </a:defRPr>
            </a:lvl1pPr>
          </a:lstStyle>
          <a:p>
            <a:pPr>
              <a:defRPr/>
            </a:pPr>
            <a:fld id="{16E2313B-241A-4A88-958E-1C131A96167A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ＭＳ Ｐゴシック" panose="020B0600070205080204" pitchFamily="34" charset="-128"/>
        <a:cs typeface="ＭＳ Ｐゴシック" charset="0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ＭＳ Ｐゴシック" panose="020B0600070205080204" pitchFamily="34" charset="-128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ＭＳ Ｐゴシック" panose="020B0600070205080204" pitchFamily="34" charset="-128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ＭＳ Ｐゴシック" panose="020B0600070205080204" pitchFamily="34" charset="-128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ＭＳ Ｐゴシック" panose="020B0600070205080204" pitchFamily="34" charset="-128"/>
        <a:cs typeface="+mn-cs"/>
      </a:defRPr>
    </a:lvl5pPr>
    <a:lvl6pPr marL="22860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Rectangle 7">
            <a:extLst>
              <a:ext uri="{FF2B5EF4-FFF2-40B4-BE49-F238E27FC236}">
                <a16:creationId xmlns:a16="http://schemas.microsoft.com/office/drawing/2014/main" id="{99F62237-73D5-E98C-A878-CA762B2B61C8}"/>
              </a:ext>
            </a:extLst>
          </p:cNvPr>
          <p:cNvSpPr>
            <a:spLocks noGrp="1" noChangeArrowheads="1"/>
          </p:cNvSpPr>
          <p:nvPr>
            <p:ph type="sldNum" sz="quarter" idx="5"/>
          </p:nvPr>
        </p:nvSpPr>
        <p:spPr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1pPr>
            <a:lvl2pPr marL="742950" indent="-28575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2pPr>
            <a:lvl3pPr marL="1143000" indent="-22860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3pPr>
            <a:lvl4pPr marL="1600200" indent="-22860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4pPr>
            <a:lvl5pPr marL="2057400" indent="-22860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9pPr>
          </a:lstStyle>
          <a:p>
            <a:fld id="{F6402501-ADAF-4E72-92CB-198738A8659E}" type="slidenum">
              <a:rPr lang="en-US" altLang="en-US" smtClean="0">
                <a:latin typeface="Arial" panose="020B0604020202020204" pitchFamily="34" charset="0"/>
              </a:rPr>
              <a:pPr/>
              <a:t>1</a:t>
            </a:fld>
            <a:endParaRPr lang="en-US" altLang="en-US">
              <a:latin typeface="Arial" panose="020B0604020202020204" pitchFamily="34" charset="0"/>
            </a:endParaRPr>
          </a:p>
        </p:txBody>
      </p:sp>
      <p:sp>
        <p:nvSpPr>
          <p:cNvPr id="5123" name="Rectangle 2">
            <a:extLst>
              <a:ext uri="{FF2B5EF4-FFF2-40B4-BE49-F238E27FC236}">
                <a16:creationId xmlns:a16="http://schemas.microsoft.com/office/drawing/2014/main" id="{2E4BB85B-E8EC-5806-1552-F291DDBEA601}"/>
              </a:ext>
            </a:extLst>
          </p:cNvPr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099" name="Rectangle 3">
            <a:extLst>
              <a:ext uri="{FF2B5EF4-FFF2-40B4-BE49-F238E27FC236}">
                <a16:creationId xmlns:a16="http://schemas.microsoft.com/office/drawing/2014/main" id="{61416565-DAED-45E1-1362-AFFE1F016933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>
              <a:defRPr/>
            </a:pPr>
            <a:endParaRPr lang="en-US">
              <a:ea typeface="ＭＳ Ｐゴシック" charset="0"/>
              <a:cs typeface="+mn-cs"/>
            </a:endParaRPr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4" name="Slide Image Placeholder 1">
            <a:extLst>
              <a:ext uri="{FF2B5EF4-FFF2-40B4-BE49-F238E27FC236}">
                <a16:creationId xmlns:a16="http://schemas.microsoft.com/office/drawing/2014/main" id="{EA9B2DC8-0E4F-0210-E17D-120CFC5A8EEC}"/>
              </a:ext>
            </a:extLst>
          </p:cNvPr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8195" name="Notes Placeholder 2">
            <a:extLst>
              <a:ext uri="{FF2B5EF4-FFF2-40B4-BE49-F238E27FC236}">
                <a16:creationId xmlns:a16="http://schemas.microsoft.com/office/drawing/2014/main" id="{3F0CD21F-72B8-7AA1-FD52-733AF91DA1BD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 altLang="en-US">
              <a:latin typeface="Arial" panose="020B0604020202020204" pitchFamily="34" charset="0"/>
            </a:endParaRPr>
          </a:p>
        </p:txBody>
      </p:sp>
      <p:sp>
        <p:nvSpPr>
          <p:cNvPr id="8196" name="Slide Number Placeholder 3">
            <a:extLst>
              <a:ext uri="{FF2B5EF4-FFF2-40B4-BE49-F238E27FC236}">
                <a16:creationId xmlns:a16="http://schemas.microsoft.com/office/drawing/2014/main" id="{729AFD0A-476D-31EB-87EF-0498CA69CE95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1pPr>
            <a:lvl2pPr marL="742950" indent="-28575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2pPr>
            <a:lvl3pPr marL="1143000" indent="-22860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3pPr>
            <a:lvl4pPr marL="1600200" indent="-22860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4pPr>
            <a:lvl5pPr marL="2057400" indent="-22860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9pPr>
          </a:lstStyle>
          <a:p>
            <a:fld id="{9E43541F-FCBC-49F4-A0E5-204438CBEDC5}" type="slidenum">
              <a:rPr lang="en-US" altLang="en-US" smtClean="0">
                <a:latin typeface="Arial" panose="020B0604020202020204" pitchFamily="34" charset="0"/>
              </a:rPr>
              <a:pPr/>
              <a:t>3</a:t>
            </a:fld>
            <a:endParaRPr lang="en-US" altLang="en-US">
              <a:latin typeface="Arial" panose="020B0604020202020204" pitchFamily="34" charset="0"/>
            </a:endParaRPr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Slide Image Placeholder 1">
            <a:extLst>
              <a:ext uri="{FF2B5EF4-FFF2-40B4-BE49-F238E27FC236}">
                <a16:creationId xmlns:a16="http://schemas.microsoft.com/office/drawing/2014/main" id="{9BD9CBA6-6FAE-B789-E953-0BED4728F39B}"/>
              </a:ext>
            </a:extLst>
          </p:cNvPr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0243" name="Notes Placeholder 2">
            <a:extLst>
              <a:ext uri="{FF2B5EF4-FFF2-40B4-BE49-F238E27FC236}">
                <a16:creationId xmlns:a16="http://schemas.microsoft.com/office/drawing/2014/main" id="{169E3C69-E07F-94B0-1A45-E54C398C6A34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r>
              <a:rPr lang="en-US" altLang="en-US">
                <a:latin typeface="Arial" panose="020B0604020202020204" pitchFamily="34" charset="0"/>
              </a:rPr>
              <a:t>Corollary: When you learn something new, mix it up with something old.</a:t>
            </a:r>
          </a:p>
          <a:p>
            <a:r>
              <a:rPr lang="en-US" altLang="en-US">
                <a:latin typeface="Arial" panose="020B0604020202020204" pitchFamily="34" charset="0"/>
              </a:rPr>
              <a:t>Corollary: Tests should all be cumulative.</a:t>
            </a:r>
          </a:p>
        </p:txBody>
      </p:sp>
      <p:sp>
        <p:nvSpPr>
          <p:cNvPr id="10244" name="Slide Number Placeholder 3">
            <a:extLst>
              <a:ext uri="{FF2B5EF4-FFF2-40B4-BE49-F238E27FC236}">
                <a16:creationId xmlns:a16="http://schemas.microsoft.com/office/drawing/2014/main" id="{D3447663-1ECF-CDAE-AAF2-D7DD8C74D7AA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1pPr>
            <a:lvl2pPr marL="742950" indent="-28575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2pPr>
            <a:lvl3pPr marL="1143000" indent="-22860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3pPr>
            <a:lvl4pPr marL="1600200" indent="-22860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4pPr>
            <a:lvl5pPr marL="2057400" indent="-228600"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9pPr>
          </a:lstStyle>
          <a:p>
            <a:fld id="{3BBDC40A-B054-4513-81FD-FEE0B1A6FECA}" type="slidenum">
              <a:rPr lang="en-US" altLang="en-US" smtClean="0">
                <a:latin typeface="Arial" panose="020B0604020202020204" pitchFamily="34" charset="0"/>
              </a:rPr>
              <a:pPr/>
              <a:t>4</a:t>
            </a:fld>
            <a:endParaRPr lang="en-US" altLang="en-US">
              <a:latin typeface="Arial" panose="020B0604020202020204" pitchFamily="34" charset="0"/>
            </a:endParaRPr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2">
            <a:extLst>
              <a:ext uri="{FF2B5EF4-FFF2-40B4-BE49-F238E27FC236}">
                <a16:creationId xmlns:a16="http://schemas.microsoft.com/office/drawing/2014/main" id="{04AF84C6-ED93-35EF-79B5-75A2FE4202CD}"/>
              </a:ext>
            </a:extLst>
          </p:cNvPr>
          <p:cNvGrpSpPr>
            <a:grpSpLocks/>
          </p:cNvGrpSpPr>
          <p:nvPr/>
        </p:nvGrpSpPr>
        <p:grpSpPr bwMode="auto">
          <a:xfrm>
            <a:off x="0" y="0"/>
            <a:ext cx="9140825" cy="6851650"/>
            <a:chOff x="0" y="0"/>
            <a:chExt cx="5758" cy="4316"/>
          </a:xfrm>
        </p:grpSpPr>
        <p:sp>
          <p:nvSpPr>
            <p:cNvPr id="3" name="Freeform 3">
              <a:extLst>
                <a:ext uri="{FF2B5EF4-FFF2-40B4-BE49-F238E27FC236}">
                  <a16:creationId xmlns:a16="http://schemas.microsoft.com/office/drawing/2014/main" id="{EF682084-EDF2-5A71-3E98-6B1CC83B219F}"/>
                </a:ext>
              </a:extLst>
            </p:cNvPr>
            <p:cNvSpPr>
              <a:spLocks/>
            </p:cNvSpPr>
            <p:nvPr/>
          </p:nvSpPr>
          <p:spPr bwMode="hidden">
            <a:xfrm>
              <a:off x="1812" y="2811"/>
              <a:ext cx="3946" cy="1505"/>
            </a:xfrm>
            <a:custGeom>
              <a:avLst/>
              <a:gdLst>
                <a:gd name="T0" fmla="*/ 149 w 3934"/>
                <a:gd name="T1" fmla="*/ 1505 h 1505"/>
                <a:gd name="T2" fmla="*/ 737 w 3934"/>
                <a:gd name="T3" fmla="*/ 1331 h 1505"/>
                <a:gd name="T4" fmla="*/ 1313 w 3934"/>
                <a:gd name="T5" fmla="*/ 1157 h 1505"/>
                <a:gd name="T6" fmla="*/ 1862 w 3934"/>
                <a:gd name="T7" fmla="*/ 977 h 1505"/>
                <a:gd name="T8" fmla="*/ 2393 w 3934"/>
                <a:gd name="T9" fmla="*/ 792 h 1505"/>
                <a:gd name="T10" fmla="*/ 2656 w 3934"/>
                <a:gd name="T11" fmla="*/ 696 h 1505"/>
                <a:gd name="T12" fmla="*/ 2902 w 3934"/>
                <a:gd name="T13" fmla="*/ 606 h 1505"/>
                <a:gd name="T14" fmla="*/ 3146 w 3934"/>
                <a:gd name="T15" fmla="*/ 510 h 1505"/>
                <a:gd name="T16" fmla="*/ 3389 w 3934"/>
                <a:gd name="T17" fmla="*/ 420 h 1505"/>
                <a:gd name="T18" fmla="*/ 3613 w 3934"/>
                <a:gd name="T19" fmla="*/ 324 h 1505"/>
                <a:gd name="T20" fmla="*/ 3831 w 3934"/>
                <a:gd name="T21" fmla="*/ 234 h 1505"/>
                <a:gd name="T22" fmla="*/ 4047 w 3934"/>
                <a:gd name="T23" fmla="*/ 138 h 1505"/>
                <a:gd name="T24" fmla="*/ 4245 w 3934"/>
                <a:gd name="T25" fmla="*/ 48 h 1505"/>
                <a:gd name="T26" fmla="*/ 4245 w 3934"/>
                <a:gd name="T27" fmla="*/ 0 h 1505"/>
                <a:gd name="T28" fmla="*/ 4040 w 3934"/>
                <a:gd name="T29" fmla="*/ 96 h 1505"/>
                <a:gd name="T30" fmla="*/ 3817 w 3934"/>
                <a:gd name="T31" fmla="*/ 192 h 1505"/>
                <a:gd name="T32" fmla="*/ 3593 w 3934"/>
                <a:gd name="T33" fmla="*/ 288 h 1505"/>
                <a:gd name="T34" fmla="*/ 3365 w 3934"/>
                <a:gd name="T35" fmla="*/ 384 h 1505"/>
                <a:gd name="T36" fmla="*/ 3113 w 3934"/>
                <a:gd name="T37" fmla="*/ 480 h 1505"/>
                <a:gd name="T38" fmla="*/ 2862 w 3934"/>
                <a:gd name="T39" fmla="*/ 576 h 1505"/>
                <a:gd name="T40" fmla="*/ 2601 w 3934"/>
                <a:gd name="T41" fmla="*/ 672 h 1505"/>
                <a:gd name="T42" fmla="*/ 2339 w 3934"/>
                <a:gd name="T43" fmla="*/ 768 h 1505"/>
                <a:gd name="T44" fmla="*/ 2057 w 3934"/>
                <a:gd name="T45" fmla="*/ 864 h 1505"/>
                <a:gd name="T46" fmla="*/ 1775 w 3934"/>
                <a:gd name="T47" fmla="*/ 960 h 1505"/>
                <a:gd name="T48" fmla="*/ 1200 w 3934"/>
                <a:gd name="T49" fmla="*/ 1145 h 1505"/>
                <a:gd name="T50" fmla="*/ 612 w 3934"/>
                <a:gd name="T51" fmla="*/ 1331 h 1505"/>
                <a:gd name="T52" fmla="*/ 0 w 3934"/>
                <a:gd name="T53" fmla="*/ 1505 h 1505"/>
                <a:gd name="T54" fmla="*/ 149 w 3934"/>
                <a:gd name="T55" fmla="*/ 1505 h 1505"/>
                <a:gd name="T56" fmla="*/ 149 w 3934"/>
                <a:gd name="T57" fmla="*/ 1505 h 1505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</a:gdLst>
              <a:ahLst/>
              <a:cxnLst>
                <a:cxn ang="T58">
                  <a:pos x="T0" y="T1"/>
                </a:cxn>
                <a:cxn ang="T59">
                  <a:pos x="T2" y="T3"/>
                </a:cxn>
                <a:cxn ang="T60">
                  <a:pos x="T4" y="T5"/>
                </a:cxn>
                <a:cxn ang="T61">
                  <a:pos x="T6" y="T7"/>
                </a:cxn>
                <a:cxn ang="T62">
                  <a:pos x="T8" y="T9"/>
                </a:cxn>
                <a:cxn ang="T63">
                  <a:pos x="T10" y="T11"/>
                </a:cxn>
                <a:cxn ang="T64">
                  <a:pos x="T12" y="T13"/>
                </a:cxn>
                <a:cxn ang="T65">
                  <a:pos x="T14" y="T15"/>
                </a:cxn>
                <a:cxn ang="T66">
                  <a:pos x="T16" y="T17"/>
                </a:cxn>
                <a:cxn ang="T67">
                  <a:pos x="T18" y="T19"/>
                </a:cxn>
                <a:cxn ang="T68">
                  <a:pos x="T20" y="T21"/>
                </a:cxn>
                <a:cxn ang="T69">
                  <a:pos x="T22" y="T23"/>
                </a:cxn>
                <a:cxn ang="T70">
                  <a:pos x="T24" y="T25"/>
                </a:cxn>
                <a:cxn ang="T71">
                  <a:pos x="T26" y="T27"/>
                </a:cxn>
                <a:cxn ang="T72">
                  <a:pos x="T28" y="T29"/>
                </a:cxn>
                <a:cxn ang="T73">
                  <a:pos x="T30" y="T31"/>
                </a:cxn>
                <a:cxn ang="T74">
                  <a:pos x="T32" y="T33"/>
                </a:cxn>
                <a:cxn ang="T75">
                  <a:pos x="T34" y="T35"/>
                </a:cxn>
                <a:cxn ang="T76">
                  <a:pos x="T36" y="T37"/>
                </a:cxn>
                <a:cxn ang="T77">
                  <a:pos x="T38" y="T39"/>
                </a:cxn>
                <a:cxn ang="T78">
                  <a:pos x="T40" y="T41"/>
                </a:cxn>
                <a:cxn ang="T79">
                  <a:pos x="T42" y="T43"/>
                </a:cxn>
                <a:cxn ang="T80">
                  <a:pos x="T44" y="T45"/>
                </a:cxn>
                <a:cxn ang="T81">
                  <a:pos x="T46" y="T47"/>
                </a:cxn>
                <a:cxn ang="T82">
                  <a:pos x="T48" y="T49"/>
                </a:cxn>
                <a:cxn ang="T83">
                  <a:pos x="T50" y="T51"/>
                </a:cxn>
                <a:cxn ang="T84">
                  <a:pos x="T52" y="T53"/>
                </a:cxn>
                <a:cxn ang="T85">
                  <a:pos x="T54" y="T55"/>
                </a:cxn>
                <a:cxn ang="T86">
                  <a:pos x="T56" y="T57"/>
                </a:cxn>
              </a:cxnLst>
              <a:rect l="0" t="0" r="r" b="b"/>
              <a:pathLst>
                <a:path w="3934" h="1505">
                  <a:moveTo>
                    <a:pt x="149" y="1505"/>
                  </a:moveTo>
                  <a:lnTo>
                    <a:pt x="687" y="1331"/>
                  </a:lnTo>
                  <a:lnTo>
                    <a:pt x="1213" y="1157"/>
                  </a:lnTo>
                  <a:lnTo>
                    <a:pt x="1728" y="977"/>
                  </a:lnTo>
                  <a:lnTo>
                    <a:pt x="2218" y="792"/>
                  </a:lnTo>
                  <a:lnTo>
                    <a:pt x="2457" y="696"/>
                  </a:lnTo>
                  <a:lnTo>
                    <a:pt x="2690" y="606"/>
                  </a:lnTo>
                  <a:lnTo>
                    <a:pt x="2918" y="510"/>
                  </a:lnTo>
                  <a:lnTo>
                    <a:pt x="3139" y="420"/>
                  </a:lnTo>
                  <a:lnTo>
                    <a:pt x="3348" y="324"/>
                  </a:lnTo>
                  <a:lnTo>
                    <a:pt x="3551" y="234"/>
                  </a:lnTo>
                  <a:lnTo>
                    <a:pt x="3749" y="138"/>
                  </a:lnTo>
                  <a:lnTo>
                    <a:pt x="3934" y="48"/>
                  </a:lnTo>
                  <a:lnTo>
                    <a:pt x="3934" y="0"/>
                  </a:lnTo>
                  <a:lnTo>
                    <a:pt x="3743" y="96"/>
                  </a:lnTo>
                  <a:lnTo>
                    <a:pt x="3539" y="192"/>
                  </a:lnTo>
                  <a:lnTo>
                    <a:pt x="3330" y="288"/>
                  </a:lnTo>
                  <a:lnTo>
                    <a:pt x="3115" y="384"/>
                  </a:lnTo>
                  <a:lnTo>
                    <a:pt x="2888" y="480"/>
                  </a:lnTo>
                  <a:lnTo>
                    <a:pt x="2654" y="576"/>
                  </a:lnTo>
                  <a:lnTo>
                    <a:pt x="2409" y="672"/>
                  </a:lnTo>
                  <a:lnTo>
                    <a:pt x="2164" y="768"/>
                  </a:lnTo>
                  <a:lnTo>
                    <a:pt x="1907" y="864"/>
                  </a:lnTo>
                  <a:lnTo>
                    <a:pt x="1650" y="960"/>
                  </a:lnTo>
                  <a:lnTo>
                    <a:pt x="1112" y="1145"/>
                  </a:lnTo>
                  <a:lnTo>
                    <a:pt x="562" y="1331"/>
                  </a:lnTo>
                  <a:lnTo>
                    <a:pt x="0" y="1505"/>
                  </a:lnTo>
                  <a:lnTo>
                    <a:pt x="149" y="1505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" name="Freeform 4">
              <a:extLst>
                <a:ext uri="{FF2B5EF4-FFF2-40B4-BE49-F238E27FC236}">
                  <a16:creationId xmlns:a16="http://schemas.microsoft.com/office/drawing/2014/main" id="{153A3315-DB68-9EB0-30B4-ADA3646B8142}"/>
                </a:ext>
              </a:extLst>
            </p:cNvPr>
            <p:cNvSpPr>
              <a:spLocks/>
            </p:cNvSpPr>
            <p:nvPr/>
          </p:nvSpPr>
          <p:spPr bwMode="hidden">
            <a:xfrm>
              <a:off x="4025" y="3627"/>
              <a:ext cx="1733" cy="689"/>
            </a:xfrm>
            <a:custGeom>
              <a:avLst/>
              <a:gdLst>
                <a:gd name="T0" fmla="*/ 132 w 1728"/>
                <a:gd name="T1" fmla="*/ 689 h 689"/>
                <a:gd name="T2" fmla="*/ 600 w 1728"/>
                <a:gd name="T3" fmla="*/ 527 h 689"/>
                <a:gd name="T4" fmla="*/ 1038 w 1728"/>
                <a:gd name="T5" fmla="*/ 365 h 689"/>
                <a:gd name="T6" fmla="*/ 1243 w 1728"/>
                <a:gd name="T7" fmla="*/ 287 h 689"/>
                <a:gd name="T8" fmla="*/ 1457 w 1728"/>
                <a:gd name="T9" fmla="*/ 203 h 689"/>
                <a:gd name="T10" fmla="*/ 1672 w 1728"/>
                <a:gd name="T11" fmla="*/ 126 h 689"/>
                <a:gd name="T12" fmla="*/ 1853 w 1728"/>
                <a:gd name="T13" fmla="*/ 48 h 689"/>
                <a:gd name="T14" fmla="*/ 1853 w 1728"/>
                <a:gd name="T15" fmla="*/ 0 h 689"/>
                <a:gd name="T16" fmla="*/ 1649 w 1728"/>
                <a:gd name="T17" fmla="*/ 84 h 689"/>
                <a:gd name="T18" fmla="*/ 1427 w 1728"/>
                <a:gd name="T19" fmla="*/ 167 h 689"/>
                <a:gd name="T20" fmla="*/ 1193 w 1728"/>
                <a:gd name="T21" fmla="*/ 257 h 689"/>
                <a:gd name="T22" fmla="*/ 978 w 1728"/>
                <a:gd name="T23" fmla="*/ 341 h 689"/>
                <a:gd name="T24" fmla="*/ 479 w 1728"/>
                <a:gd name="T25" fmla="*/ 515 h 689"/>
                <a:gd name="T26" fmla="*/ 0 w 1728"/>
                <a:gd name="T27" fmla="*/ 689 h 689"/>
                <a:gd name="T28" fmla="*/ 132 w 1728"/>
                <a:gd name="T29" fmla="*/ 689 h 689"/>
                <a:gd name="T30" fmla="*/ 132 w 1728"/>
                <a:gd name="T31" fmla="*/ 689 h 689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</a:gdLst>
              <a:ahLst/>
              <a:cxnLst>
                <a:cxn ang="T32">
                  <a:pos x="T0" y="T1"/>
                </a:cxn>
                <a:cxn ang="T33">
                  <a:pos x="T2" y="T3"/>
                </a:cxn>
                <a:cxn ang="T34">
                  <a:pos x="T4" y="T5"/>
                </a:cxn>
                <a:cxn ang="T35">
                  <a:pos x="T6" y="T7"/>
                </a:cxn>
                <a:cxn ang="T36">
                  <a:pos x="T8" y="T9"/>
                </a:cxn>
                <a:cxn ang="T37">
                  <a:pos x="T10" y="T11"/>
                </a:cxn>
                <a:cxn ang="T38">
                  <a:pos x="T12" y="T13"/>
                </a:cxn>
                <a:cxn ang="T39">
                  <a:pos x="T14" y="T15"/>
                </a:cxn>
                <a:cxn ang="T40">
                  <a:pos x="T16" y="T17"/>
                </a:cxn>
                <a:cxn ang="T41">
                  <a:pos x="T18" y="T19"/>
                </a:cxn>
                <a:cxn ang="T42">
                  <a:pos x="T20" y="T21"/>
                </a:cxn>
                <a:cxn ang="T43">
                  <a:pos x="T22" y="T23"/>
                </a:cxn>
                <a:cxn ang="T44">
                  <a:pos x="T24" y="T25"/>
                </a:cxn>
                <a:cxn ang="T45">
                  <a:pos x="T26" y="T27"/>
                </a:cxn>
                <a:cxn ang="T46">
                  <a:pos x="T28" y="T29"/>
                </a:cxn>
                <a:cxn ang="T47">
                  <a:pos x="T30" y="T31"/>
                </a:cxn>
              </a:cxnLst>
              <a:rect l="0" t="0" r="r" b="b"/>
              <a:pathLst>
                <a:path w="1728" h="689">
                  <a:moveTo>
                    <a:pt x="132" y="689"/>
                  </a:moveTo>
                  <a:lnTo>
                    <a:pt x="550" y="527"/>
                  </a:lnTo>
                  <a:lnTo>
                    <a:pt x="963" y="365"/>
                  </a:lnTo>
                  <a:lnTo>
                    <a:pt x="1160" y="287"/>
                  </a:lnTo>
                  <a:lnTo>
                    <a:pt x="1357" y="203"/>
                  </a:lnTo>
                  <a:lnTo>
                    <a:pt x="1549" y="126"/>
                  </a:lnTo>
                  <a:lnTo>
                    <a:pt x="1728" y="48"/>
                  </a:lnTo>
                  <a:lnTo>
                    <a:pt x="1728" y="0"/>
                  </a:lnTo>
                  <a:lnTo>
                    <a:pt x="1531" y="84"/>
                  </a:lnTo>
                  <a:lnTo>
                    <a:pt x="1327" y="167"/>
                  </a:lnTo>
                  <a:lnTo>
                    <a:pt x="1118" y="257"/>
                  </a:lnTo>
                  <a:lnTo>
                    <a:pt x="903" y="341"/>
                  </a:lnTo>
                  <a:lnTo>
                    <a:pt x="454" y="515"/>
                  </a:lnTo>
                  <a:lnTo>
                    <a:pt x="0" y="689"/>
                  </a:lnTo>
                  <a:lnTo>
                    <a:pt x="132" y="689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5" name="Freeform 5">
              <a:extLst>
                <a:ext uri="{FF2B5EF4-FFF2-40B4-BE49-F238E27FC236}">
                  <a16:creationId xmlns:a16="http://schemas.microsoft.com/office/drawing/2014/main" id="{B495F0AF-8ED1-293B-20AD-B19A0BEAE8A3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0"/>
              <a:ext cx="5578" cy="3447"/>
            </a:xfrm>
            <a:custGeom>
              <a:avLst/>
              <a:gdLst>
                <a:gd name="T0" fmla="*/ 6001 w 5561"/>
                <a:gd name="T1" fmla="*/ 929 h 3447"/>
                <a:gd name="T2" fmla="*/ 5975 w 5561"/>
                <a:gd name="T3" fmla="*/ 773 h 3447"/>
                <a:gd name="T4" fmla="*/ 5887 w 5561"/>
                <a:gd name="T5" fmla="*/ 629 h 3447"/>
                <a:gd name="T6" fmla="*/ 5748 w 5561"/>
                <a:gd name="T7" fmla="*/ 492 h 3447"/>
                <a:gd name="T8" fmla="*/ 5557 w 5561"/>
                <a:gd name="T9" fmla="*/ 366 h 3447"/>
                <a:gd name="T10" fmla="*/ 5311 w 5561"/>
                <a:gd name="T11" fmla="*/ 252 h 3447"/>
                <a:gd name="T12" fmla="*/ 5020 w 5561"/>
                <a:gd name="T13" fmla="*/ 144 h 3447"/>
                <a:gd name="T14" fmla="*/ 4685 w 5561"/>
                <a:gd name="T15" fmla="*/ 48 h 3447"/>
                <a:gd name="T16" fmla="*/ 4317 w 5561"/>
                <a:gd name="T17" fmla="*/ 0 h 3447"/>
                <a:gd name="T18" fmla="*/ 4704 w 5561"/>
                <a:gd name="T19" fmla="*/ 90 h 3447"/>
                <a:gd name="T20" fmla="*/ 5039 w 5561"/>
                <a:gd name="T21" fmla="*/ 192 h 3447"/>
                <a:gd name="T22" fmla="*/ 5323 w 5561"/>
                <a:gd name="T23" fmla="*/ 306 h 3447"/>
                <a:gd name="T24" fmla="*/ 5557 w 5561"/>
                <a:gd name="T25" fmla="*/ 426 h 3447"/>
                <a:gd name="T26" fmla="*/ 5734 w 5561"/>
                <a:gd name="T27" fmla="*/ 557 h 3447"/>
                <a:gd name="T28" fmla="*/ 5861 w 5561"/>
                <a:gd name="T29" fmla="*/ 701 h 3447"/>
                <a:gd name="T30" fmla="*/ 5925 w 5561"/>
                <a:gd name="T31" fmla="*/ 851 h 3447"/>
                <a:gd name="T32" fmla="*/ 5925 w 5561"/>
                <a:gd name="T33" fmla="*/ 1013 h 3447"/>
                <a:gd name="T34" fmla="*/ 5874 w 5561"/>
                <a:gd name="T35" fmla="*/ 1163 h 3447"/>
                <a:gd name="T36" fmla="*/ 5768 w 5561"/>
                <a:gd name="T37" fmla="*/ 1319 h 3447"/>
                <a:gd name="T38" fmla="*/ 5614 w 5561"/>
                <a:gd name="T39" fmla="*/ 1475 h 3447"/>
                <a:gd name="T40" fmla="*/ 5413 w 5561"/>
                <a:gd name="T41" fmla="*/ 1630 h 3447"/>
                <a:gd name="T42" fmla="*/ 5170 w 5561"/>
                <a:gd name="T43" fmla="*/ 1786 h 3447"/>
                <a:gd name="T44" fmla="*/ 4885 w 5561"/>
                <a:gd name="T45" fmla="*/ 1948 h 3447"/>
                <a:gd name="T46" fmla="*/ 4549 w 5561"/>
                <a:gd name="T47" fmla="*/ 2104 h 3447"/>
                <a:gd name="T48" fmla="*/ 4182 w 5561"/>
                <a:gd name="T49" fmla="*/ 2260 h 3447"/>
                <a:gd name="T50" fmla="*/ 3774 w 5561"/>
                <a:gd name="T51" fmla="*/ 2416 h 3447"/>
                <a:gd name="T52" fmla="*/ 3332 w 5561"/>
                <a:gd name="T53" fmla="*/ 2566 h 3447"/>
                <a:gd name="T54" fmla="*/ 2850 w 5561"/>
                <a:gd name="T55" fmla="*/ 2715 h 3447"/>
                <a:gd name="T56" fmla="*/ 2339 w 5561"/>
                <a:gd name="T57" fmla="*/ 2865 h 3447"/>
                <a:gd name="T58" fmla="*/ 1787 w 5561"/>
                <a:gd name="T59" fmla="*/ 3009 h 3447"/>
                <a:gd name="T60" fmla="*/ 1233 w 5561"/>
                <a:gd name="T61" fmla="*/ 3147 h 3447"/>
                <a:gd name="T62" fmla="*/ 630 w 5561"/>
                <a:gd name="T63" fmla="*/ 3279 h 3447"/>
                <a:gd name="T64" fmla="*/ 0 w 5561"/>
                <a:gd name="T65" fmla="*/ 3447 h 3447"/>
                <a:gd name="T66" fmla="*/ 942 w 5561"/>
                <a:gd name="T67" fmla="*/ 3249 h 3447"/>
                <a:gd name="T68" fmla="*/ 1528 w 5561"/>
                <a:gd name="T69" fmla="*/ 3105 h 3447"/>
                <a:gd name="T70" fmla="*/ 2087 w 5561"/>
                <a:gd name="T71" fmla="*/ 2961 h 3447"/>
                <a:gd name="T72" fmla="*/ 2631 w 5561"/>
                <a:gd name="T73" fmla="*/ 2817 h 3447"/>
                <a:gd name="T74" fmla="*/ 3126 w 5561"/>
                <a:gd name="T75" fmla="*/ 2668 h 3447"/>
                <a:gd name="T76" fmla="*/ 3594 w 5561"/>
                <a:gd name="T77" fmla="*/ 2512 h 3447"/>
                <a:gd name="T78" fmla="*/ 4028 w 5561"/>
                <a:gd name="T79" fmla="*/ 2356 h 3447"/>
                <a:gd name="T80" fmla="*/ 4421 w 5561"/>
                <a:gd name="T81" fmla="*/ 2200 h 3447"/>
                <a:gd name="T82" fmla="*/ 4777 w 5561"/>
                <a:gd name="T83" fmla="*/ 2038 h 3447"/>
                <a:gd name="T84" fmla="*/ 5092 w 5561"/>
                <a:gd name="T85" fmla="*/ 1876 h 3447"/>
                <a:gd name="T86" fmla="*/ 5362 w 5561"/>
                <a:gd name="T87" fmla="*/ 1720 h 3447"/>
                <a:gd name="T88" fmla="*/ 5589 w 5561"/>
                <a:gd name="T89" fmla="*/ 1559 h 3447"/>
                <a:gd name="T90" fmla="*/ 5762 w 5561"/>
                <a:gd name="T91" fmla="*/ 1397 h 3447"/>
                <a:gd name="T92" fmla="*/ 5893 w 5561"/>
                <a:gd name="T93" fmla="*/ 1241 h 3447"/>
                <a:gd name="T94" fmla="*/ 5975 w 5561"/>
                <a:gd name="T95" fmla="*/ 1085 h 3447"/>
                <a:gd name="T96" fmla="*/ 5995 w 5561"/>
                <a:gd name="T97" fmla="*/ 1007 h 3447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</a:gdLst>
              <a:ahLst/>
              <a:cxnLst>
                <a:cxn ang="T98">
                  <a:pos x="T0" y="T1"/>
                </a:cxn>
                <a:cxn ang="T99">
                  <a:pos x="T2" y="T3"/>
                </a:cxn>
                <a:cxn ang="T100">
                  <a:pos x="T4" y="T5"/>
                </a:cxn>
                <a:cxn ang="T101">
                  <a:pos x="T6" y="T7"/>
                </a:cxn>
                <a:cxn ang="T102">
                  <a:pos x="T8" y="T9"/>
                </a:cxn>
                <a:cxn ang="T103">
                  <a:pos x="T10" y="T11"/>
                </a:cxn>
                <a:cxn ang="T104">
                  <a:pos x="T12" y="T13"/>
                </a:cxn>
                <a:cxn ang="T105">
                  <a:pos x="T14" y="T15"/>
                </a:cxn>
                <a:cxn ang="T106">
                  <a:pos x="T16" y="T17"/>
                </a:cxn>
                <a:cxn ang="T107">
                  <a:pos x="T18" y="T19"/>
                </a:cxn>
                <a:cxn ang="T108">
                  <a:pos x="T20" y="T21"/>
                </a:cxn>
                <a:cxn ang="T109">
                  <a:pos x="T22" y="T23"/>
                </a:cxn>
                <a:cxn ang="T110">
                  <a:pos x="T24" y="T25"/>
                </a:cxn>
                <a:cxn ang="T111">
                  <a:pos x="T26" y="T27"/>
                </a:cxn>
                <a:cxn ang="T112">
                  <a:pos x="T28" y="T29"/>
                </a:cxn>
                <a:cxn ang="T113">
                  <a:pos x="T30" y="T31"/>
                </a:cxn>
                <a:cxn ang="T114">
                  <a:pos x="T32" y="T33"/>
                </a:cxn>
                <a:cxn ang="T115">
                  <a:pos x="T34" y="T35"/>
                </a:cxn>
                <a:cxn ang="T116">
                  <a:pos x="T36" y="T37"/>
                </a:cxn>
                <a:cxn ang="T117">
                  <a:pos x="T38" y="T39"/>
                </a:cxn>
                <a:cxn ang="T118">
                  <a:pos x="T40" y="T41"/>
                </a:cxn>
                <a:cxn ang="T119">
                  <a:pos x="T42" y="T43"/>
                </a:cxn>
                <a:cxn ang="T120">
                  <a:pos x="T44" y="T45"/>
                </a:cxn>
                <a:cxn ang="T121">
                  <a:pos x="T46" y="T47"/>
                </a:cxn>
                <a:cxn ang="T122">
                  <a:pos x="T48" y="T49"/>
                </a:cxn>
                <a:cxn ang="T123">
                  <a:pos x="T50" y="T51"/>
                </a:cxn>
                <a:cxn ang="T124">
                  <a:pos x="T52" y="T53"/>
                </a:cxn>
                <a:cxn ang="T125">
                  <a:pos x="T54" y="T55"/>
                </a:cxn>
                <a:cxn ang="T126">
                  <a:pos x="T56" y="T57"/>
                </a:cxn>
                <a:cxn ang="T127">
                  <a:pos x="T58" y="T59"/>
                </a:cxn>
                <a:cxn ang="T128">
                  <a:pos x="T60" y="T61"/>
                </a:cxn>
                <a:cxn ang="T129">
                  <a:pos x="T62" y="T63"/>
                </a:cxn>
                <a:cxn ang="T130">
                  <a:pos x="T64" y="T65"/>
                </a:cxn>
                <a:cxn ang="T131">
                  <a:pos x="T66" y="T67"/>
                </a:cxn>
                <a:cxn ang="T132">
                  <a:pos x="T68" y="T69"/>
                </a:cxn>
                <a:cxn ang="T133">
                  <a:pos x="T70" y="T71"/>
                </a:cxn>
                <a:cxn ang="T134">
                  <a:pos x="T72" y="T73"/>
                </a:cxn>
                <a:cxn ang="T135">
                  <a:pos x="T74" y="T75"/>
                </a:cxn>
                <a:cxn ang="T136">
                  <a:pos x="T76" y="T77"/>
                </a:cxn>
                <a:cxn ang="T137">
                  <a:pos x="T78" y="T79"/>
                </a:cxn>
                <a:cxn ang="T138">
                  <a:pos x="T80" y="T81"/>
                </a:cxn>
                <a:cxn ang="T139">
                  <a:pos x="T82" y="T83"/>
                </a:cxn>
                <a:cxn ang="T140">
                  <a:pos x="T84" y="T85"/>
                </a:cxn>
                <a:cxn ang="T141">
                  <a:pos x="T86" y="T87"/>
                </a:cxn>
                <a:cxn ang="T142">
                  <a:pos x="T88" y="T89"/>
                </a:cxn>
                <a:cxn ang="T143">
                  <a:pos x="T90" y="T91"/>
                </a:cxn>
                <a:cxn ang="T144">
                  <a:pos x="T92" y="T93"/>
                </a:cxn>
                <a:cxn ang="T145">
                  <a:pos x="T94" y="T95"/>
                </a:cxn>
                <a:cxn ang="T146">
                  <a:pos x="T96" y="T97"/>
                </a:cxn>
              </a:cxnLst>
              <a:rect l="0" t="0" r="r" b="b"/>
              <a:pathLst>
                <a:path w="5561" h="3447">
                  <a:moveTo>
                    <a:pt x="5555" y="1007"/>
                  </a:moveTo>
                  <a:lnTo>
                    <a:pt x="5561" y="929"/>
                  </a:lnTo>
                  <a:lnTo>
                    <a:pt x="5555" y="851"/>
                  </a:lnTo>
                  <a:lnTo>
                    <a:pt x="5537" y="773"/>
                  </a:lnTo>
                  <a:lnTo>
                    <a:pt x="5501" y="701"/>
                  </a:lnTo>
                  <a:lnTo>
                    <a:pt x="5453" y="629"/>
                  </a:lnTo>
                  <a:lnTo>
                    <a:pt x="5399" y="563"/>
                  </a:lnTo>
                  <a:lnTo>
                    <a:pt x="5327" y="492"/>
                  </a:lnTo>
                  <a:lnTo>
                    <a:pt x="5244" y="432"/>
                  </a:lnTo>
                  <a:lnTo>
                    <a:pt x="5148" y="366"/>
                  </a:lnTo>
                  <a:lnTo>
                    <a:pt x="5040" y="306"/>
                  </a:lnTo>
                  <a:lnTo>
                    <a:pt x="4921" y="252"/>
                  </a:lnTo>
                  <a:lnTo>
                    <a:pt x="4795" y="198"/>
                  </a:lnTo>
                  <a:lnTo>
                    <a:pt x="4652" y="144"/>
                  </a:lnTo>
                  <a:lnTo>
                    <a:pt x="4502" y="90"/>
                  </a:lnTo>
                  <a:lnTo>
                    <a:pt x="4341" y="48"/>
                  </a:lnTo>
                  <a:lnTo>
                    <a:pt x="4167" y="0"/>
                  </a:lnTo>
                  <a:lnTo>
                    <a:pt x="4000" y="0"/>
                  </a:lnTo>
                  <a:lnTo>
                    <a:pt x="4185" y="42"/>
                  </a:lnTo>
                  <a:lnTo>
                    <a:pt x="4359" y="90"/>
                  </a:lnTo>
                  <a:lnTo>
                    <a:pt x="4520" y="138"/>
                  </a:lnTo>
                  <a:lnTo>
                    <a:pt x="4670" y="192"/>
                  </a:lnTo>
                  <a:lnTo>
                    <a:pt x="4807" y="246"/>
                  </a:lnTo>
                  <a:lnTo>
                    <a:pt x="4933" y="306"/>
                  </a:lnTo>
                  <a:lnTo>
                    <a:pt x="5046" y="366"/>
                  </a:lnTo>
                  <a:lnTo>
                    <a:pt x="5148" y="426"/>
                  </a:lnTo>
                  <a:lnTo>
                    <a:pt x="5238" y="492"/>
                  </a:lnTo>
                  <a:lnTo>
                    <a:pt x="5315" y="557"/>
                  </a:lnTo>
                  <a:lnTo>
                    <a:pt x="5381" y="629"/>
                  </a:lnTo>
                  <a:lnTo>
                    <a:pt x="5429" y="701"/>
                  </a:lnTo>
                  <a:lnTo>
                    <a:pt x="5465" y="779"/>
                  </a:lnTo>
                  <a:lnTo>
                    <a:pt x="5489" y="851"/>
                  </a:lnTo>
                  <a:lnTo>
                    <a:pt x="5495" y="935"/>
                  </a:lnTo>
                  <a:lnTo>
                    <a:pt x="5489" y="1013"/>
                  </a:lnTo>
                  <a:lnTo>
                    <a:pt x="5471" y="1091"/>
                  </a:lnTo>
                  <a:lnTo>
                    <a:pt x="5441" y="1163"/>
                  </a:lnTo>
                  <a:lnTo>
                    <a:pt x="5399" y="1241"/>
                  </a:lnTo>
                  <a:lnTo>
                    <a:pt x="5345" y="1319"/>
                  </a:lnTo>
                  <a:lnTo>
                    <a:pt x="5280" y="1397"/>
                  </a:lnTo>
                  <a:lnTo>
                    <a:pt x="5202" y="1475"/>
                  </a:lnTo>
                  <a:lnTo>
                    <a:pt x="5118" y="1553"/>
                  </a:lnTo>
                  <a:lnTo>
                    <a:pt x="5017" y="1630"/>
                  </a:lnTo>
                  <a:lnTo>
                    <a:pt x="4909" y="1708"/>
                  </a:lnTo>
                  <a:lnTo>
                    <a:pt x="4789" y="1786"/>
                  </a:lnTo>
                  <a:lnTo>
                    <a:pt x="4664" y="1870"/>
                  </a:lnTo>
                  <a:lnTo>
                    <a:pt x="4526" y="1948"/>
                  </a:lnTo>
                  <a:lnTo>
                    <a:pt x="4377" y="2026"/>
                  </a:lnTo>
                  <a:lnTo>
                    <a:pt x="4215" y="2104"/>
                  </a:lnTo>
                  <a:lnTo>
                    <a:pt x="4048" y="2182"/>
                  </a:lnTo>
                  <a:lnTo>
                    <a:pt x="3875" y="2260"/>
                  </a:lnTo>
                  <a:lnTo>
                    <a:pt x="3689" y="2338"/>
                  </a:lnTo>
                  <a:lnTo>
                    <a:pt x="3498" y="2416"/>
                  </a:lnTo>
                  <a:lnTo>
                    <a:pt x="3295" y="2488"/>
                  </a:lnTo>
                  <a:lnTo>
                    <a:pt x="3085" y="2566"/>
                  </a:lnTo>
                  <a:lnTo>
                    <a:pt x="2864" y="2644"/>
                  </a:lnTo>
                  <a:lnTo>
                    <a:pt x="2643" y="2715"/>
                  </a:lnTo>
                  <a:lnTo>
                    <a:pt x="2410" y="2793"/>
                  </a:lnTo>
                  <a:lnTo>
                    <a:pt x="2164" y="2865"/>
                  </a:lnTo>
                  <a:lnTo>
                    <a:pt x="1919" y="2937"/>
                  </a:lnTo>
                  <a:lnTo>
                    <a:pt x="1662" y="3009"/>
                  </a:lnTo>
                  <a:lnTo>
                    <a:pt x="1399" y="3075"/>
                  </a:lnTo>
                  <a:lnTo>
                    <a:pt x="1136" y="3147"/>
                  </a:lnTo>
                  <a:lnTo>
                    <a:pt x="861" y="3213"/>
                  </a:lnTo>
                  <a:lnTo>
                    <a:pt x="580" y="3279"/>
                  </a:lnTo>
                  <a:lnTo>
                    <a:pt x="0" y="3411"/>
                  </a:lnTo>
                  <a:lnTo>
                    <a:pt x="0" y="3447"/>
                  </a:lnTo>
                  <a:lnTo>
                    <a:pt x="586" y="3315"/>
                  </a:lnTo>
                  <a:lnTo>
                    <a:pt x="867" y="3249"/>
                  </a:lnTo>
                  <a:lnTo>
                    <a:pt x="1148" y="3177"/>
                  </a:lnTo>
                  <a:lnTo>
                    <a:pt x="1417" y="3105"/>
                  </a:lnTo>
                  <a:lnTo>
                    <a:pt x="1680" y="3039"/>
                  </a:lnTo>
                  <a:lnTo>
                    <a:pt x="1937" y="2961"/>
                  </a:lnTo>
                  <a:lnTo>
                    <a:pt x="2188" y="2889"/>
                  </a:lnTo>
                  <a:lnTo>
                    <a:pt x="2434" y="2817"/>
                  </a:lnTo>
                  <a:lnTo>
                    <a:pt x="2673" y="2739"/>
                  </a:lnTo>
                  <a:lnTo>
                    <a:pt x="2900" y="2668"/>
                  </a:lnTo>
                  <a:lnTo>
                    <a:pt x="3121" y="2590"/>
                  </a:lnTo>
                  <a:lnTo>
                    <a:pt x="3330" y="2512"/>
                  </a:lnTo>
                  <a:lnTo>
                    <a:pt x="3534" y="2434"/>
                  </a:lnTo>
                  <a:lnTo>
                    <a:pt x="3731" y="2356"/>
                  </a:lnTo>
                  <a:lnTo>
                    <a:pt x="3916" y="2278"/>
                  </a:lnTo>
                  <a:lnTo>
                    <a:pt x="4096" y="2200"/>
                  </a:lnTo>
                  <a:lnTo>
                    <a:pt x="4263" y="2116"/>
                  </a:lnTo>
                  <a:lnTo>
                    <a:pt x="4425" y="2038"/>
                  </a:lnTo>
                  <a:lnTo>
                    <a:pt x="4574" y="1960"/>
                  </a:lnTo>
                  <a:lnTo>
                    <a:pt x="4718" y="1876"/>
                  </a:lnTo>
                  <a:lnTo>
                    <a:pt x="4849" y="1798"/>
                  </a:lnTo>
                  <a:lnTo>
                    <a:pt x="4969" y="1720"/>
                  </a:lnTo>
                  <a:lnTo>
                    <a:pt x="5076" y="1636"/>
                  </a:lnTo>
                  <a:lnTo>
                    <a:pt x="5178" y="1559"/>
                  </a:lnTo>
                  <a:lnTo>
                    <a:pt x="5262" y="1481"/>
                  </a:lnTo>
                  <a:lnTo>
                    <a:pt x="5339" y="1397"/>
                  </a:lnTo>
                  <a:lnTo>
                    <a:pt x="5405" y="1319"/>
                  </a:lnTo>
                  <a:lnTo>
                    <a:pt x="5459" y="1241"/>
                  </a:lnTo>
                  <a:lnTo>
                    <a:pt x="5507" y="1163"/>
                  </a:lnTo>
                  <a:lnTo>
                    <a:pt x="5537" y="1085"/>
                  </a:lnTo>
                  <a:lnTo>
                    <a:pt x="5555" y="1007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6" name="Freeform 6">
              <a:extLst>
                <a:ext uri="{FF2B5EF4-FFF2-40B4-BE49-F238E27FC236}">
                  <a16:creationId xmlns:a16="http://schemas.microsoft.com/office/drawing/2014/main" id="{8B5ED397-66DC-2354-6DD4-4A10012935C8}"/>
                </a:ext>
              </a:extLst>
            </p:cNvPr>
            <p:cNvSpPr>
              <a:spLocks/>
            </p:cNvSpPr>
            <p:nvPr/>
          </p:nvSpPr>
          <p:spPr bwMode="hidden">
            <a:xfrm>
              <a:off x="4942" y="0"/>
              <a:ext cx="816" cy="276"/>
            </a:xfrm>
            <a:custGeom>
              <a:avLst/>
              <a:gdLst>
                <a:gd name="T0" fmla="*/ 813 w 813"/>
                <a:gd name="T1" fmla="*/ 222 h 276"/>
                <a:gd name="T2" fmla="*/ 670 w 813"/>
                <a:gd name="T3" fmla="*/ 162 h 276"/>
                <a:gd name="T4" fmla="*/ 514 w 813"/>
                <a:gd name="T5" fmla="*/ 108 h 276"/>
                <a:gd name="T6" fmla="*/ 347 w 813"/>
                <a:gd name="T7" fmla="*/ 54 h 276"/>
                <a:gd name="T8" fmla="*/ 167 w 813"/>
                <a:gd name="T9" fmla="*/ 0 h 276"/>
                <a:gd name="T10" fmla="*/ 0 w 813"/>
                <a:gd name="T11" fmla="*/ 0 h 276"/>
                <a:gd name="T12" fmla="*/ 227 w 813"/>
                <a:gd name="T13" fmla="*/ 60 h 276"/>
                <a:gd name="T14" fmla="*/ 442 w 813"/>
                <a:gd name="T15" fmla="*/ 132 h 276"/>
                <a:gd name="T16" fmla="*/ 634 w 813"/>
                <a:gd name="T17" fmla="*/ 204 h 276"/>
                <a:gd name="T18" fmla="*/ 813 w 813"/>
                <a:gd name="T19" fmla="*/ 276 h 276"/>
                <a:gd name="T20" fmla="*/ 813 w 813"/>
                <a:gd name="T21" fmla="*/ 222 h 276"/>
                <a:gd name="T22" fmla="*/ 813 w 813"/>
                <a:gd name="T23" fmla="*/ 222 h 2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813" h="276">
                  <a:moveTo>
                    <a:pt x="813" y="222"/>
                  </a:moveTo>
                  <a:lnTo>
                    <a:pt x="670" y="162"/>
                  </a:lnTo>
                  <a:lnTo>
                    <a:pt x="514" y="108"/>
                  </a:lnTo>
                  <a:lnTo>
                    <a:pt x="347" y="54"/>
                  </a:lnTo>
                  <a:lnTo>
                    <a:pt x="167" y="0"/>
                  </a:lnTo>
                  <a:lnTo>
                    <a:pt x="0" y="0"/>
                  </a:lnTo>
                  <a:lnTo>
                    <a:pt x="227" y="60"/>
                  </a:lnTo>
                  <a:lnTo>
                    <a:pt x="442" y="132"/>
                  </a:lnTo>
                  <a:lnTo>
                    <a:pt x="634" y="204"/>
                  </a:lnTo>
                  <a:lnTo>
                    <a:pt x="813" y="276"/>
                  </a:lnTo>
                  <a:lnTo>
                    <a:pt x="813" y="222"/>
                  </a:lnTo>
                  <a:lnTo>
                    <a:pt x="813" y="222"/>
                  </a:lnTo>
                  <a:close/>
                </a:path>
              </a:pathLst>
            </a:custGeom>
            <a:gradFill rotWithShape="1">
              <a:gsLst>
                <a:gs pos="0">
                  <a:schemeClr val="bg2"/>
                </a:gs>
                <a:gs pos="50000">
                  <a:schemeClr val="bg2">
                    <a:gamma/>
                    <a:tint val="81961"/>
                    <a:invGamma/>
                  </a:schemeClr>
                </a:gs>
                <a:gs pos="100000">
                  <a:schemeClr val="bg2"/>
                </a:gs>
              </a:gsLst>
              <a:lin ang="0" scaled="1"/>
            </a:gradFill>
            <a:ln>
              <a:noFill/>
            </a:ln>
          </p:spPr>
          <p:txBody>
            <a:bodyPr/>
            <a:lstStyle/>
            <a:p>
              <a:pPr>
                <a:defRPr/>
              </a:pPr>
              <a:endParaRPr lang="en-US">
                <a:latin typeface="Verdana" charset="0"/>
                <a:ea typeface="ＭＳ Ｐゴシック" charset="0"/>
              </a:endParaRPr>
            </a:p>
          </p:txBody>
        </p:sp>
        <p:sp>
          <p:nvSpPr>
            <p:cNvPr id="7" name="Freeform 7">
              <a:extLst>
                <a:ext uri="{FF2B5EF4-FFF2-40B4-BE49-F238E27FC236}">
                  <a16:creationId xmlns:a16="http://schemas.microsoft.com/office/drawing/2014/main" id="{F053FD6A-EB69-FD34-D833-F05717A41A94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1984"/>
              <a:ext cx="5758" cy="2098"/>
            </a:xfrm>
            <a:custGeom>
              <a:avLst/>
              <a:gdLst>
                <a:gd name="T0" fmla="*/ 6206 w 5740"/>
                <a:gd name="T1" fmla="*/ 0 h 2098"/>
                <a:gd name="T2" fmla="*/ 6098 w 5740"/>
                <a:gd name="T3" fmla="*/ 72 h 2098"/>
                <a:gd name="T4" fmla="*/ 5988 w 5740"/>
                <a:gd name="T5" fmla="*/ 138 h 2098"/>
                <a:gd name="T6" fmla="*/ 5863 w 5740"/>
                <a:gd name="T7" fmla="*/ 210 h 2098"/>
                <a:gd name="T8" fmla="*/ 5737 w 5740"/>
                <a:gd name="T9" fmla="*/ 276 h 2098"/>
                <a:gd name="T10" fmla="*/ 5463 w 5740"/>
                <a:gd name="T11" fmla="*/ 414 h 2098"/>
                <a:gd name="T12" fmla="*/ 5165 w 5740"/>
                <a:gd name="T13" fmla="*/ 552 h 2098"/>
                <a:gd name="T14" fmla="*/ 4842 w 5740"/>
                <a:gd name="T15" fmla="*/ 690 h 2098"/>
                <a:gd name="T16" fmla="*/ 4501 w 5740"/>
                <a:gd name="T17" fmla="*/ 827 h 2098"/>
                <a:gd name="T18" fmla="*/ 4138 w 5740"/>
                <a:gd name="T19" fmla="*/ 959 h 2098"/>
                <a:gd name="T20" fmla="*/ 3749 w 5740"/>
                <a:gd name="T21" fmla="*/ 1091 h 2098"/>
                <a:gd name="T22" fmla="*/ 3341 w 5740"/>
                <a:gd name="T23" fmla="*/ 1223 h 2098"/>
                <a:gd name="T24" fmla="*/ 2920 w 5740"/>
                <a:gd name="T25" fmla="*/ 1355 h 2098"/>
                <a:gd name="T26" fmla="*/ 2468 w 5740"/>
                <a:gd name="T27" fmla="*/ 1481 h 2098"/>
                <a:gd name="T28" fmla="*/ 2010 w 5740"/>
                <a:gd name="T29" fmla="*/ 1601 h 2098"/>
                <a:gd name="T30" fmla="*/ 1537 w 5740"/>
                <a:gd name="T31" fmla="*/ 1721 h 2098"/>
                <a:gd name="T32" fmla="*/ 1032 w 5740"/>
                <a:gd name="T33" fmla="*/ 1834 h 2098"/>
                <a:gd name="T34" fmla="*/ 534 w 5740"/>
                <a:gd name="T35" fmla="*/ 1948 h 2098"/>
                <a:gd name="T36" fmla="*/ 0 w 5740"/>
                <a:gd name="T37" fmla="*/ 2056 h 2098"/>
                <a:gd name="T38" fmla="*/ 0 w 5740"/>
                <a:gd name="T39" fmla="*/ 2098 h 2098"/>
                <a:gd name="T40" fmla="*/ 527 w 5740"/>
                <a:gd name="T41" fmla="*/ 1990 h 2098"/>
                <a:gd name="T42" fmla="*/ 1026 w 5740"/>
                <a:gd name="T43" fmla="*/ 1882 h 2098"/>
                <a:gd name="T44" fmla="*/ 1522 w 5740"/>
                <a:gd name="T45" fmla="*/ 1763 h 2098"/>
                <a:gd name="T46" fmla="*/ 1992 w 5740"/>
                <a:gd name="T47" fmla="*/ 1649 h 2098"/>
                <a:gd name="T48" fmla="*/ 2448 w 5740"/>
                <a:gd name="T49" fmla="*/ 1523 h 2098"/>
                <a:gd name="T50" fmla="*/ 2900 w 5740"/>
                <a:gd name="T51" fmla="*/ 1397 h 2098"/>
                <a:gd name="T52" fmla="*/ 3317 w 5740"/>
                <a:gd name="T53" fmla="*/ 1271 h 2098"/>
                <a:gd name="T54" fmla="*/ 3723 w 5740"/>
                <a:gd name="T55" fmla="*/ 1139 h 2098"/>
                <a:gd name="T56" fmla="*/ 4112 w 5740"/>
                <a:gd name="T57" fmla="*/ 1007 h 2098"/>
                <a:gd name="T58" fmla="*/ 4475 w 5740"/>
                <a:gd name="T59" fmla="*/ 875 h 2098"/>
                <a:gd name="T60" fmla="*/ 4823 w 5740"/>
                <a:gd name="T61" fmla="*/ 737 h 2098"/>
                <a:gd name="T62" fmla="*/ 5146 w 5740"/>
                <a:gd name="T63" fmla="*/ 600 h 2098"/>
                <a:gd name="T64" fmla="*/ 5451 w 5740"/>
                <a:gd name="T65" fmla="*/ 462 h 2098"/>
                <a:gd name="T66" fmla="*/ 5725 w 5740"/>
                <a:gd name="T67" fmla="*/ 324 h 2098"/>
                <a:gd name="T68" fmla="*/ 5982 w 5740"/>
                <a:gd name="T69" fmla="*/ 186 h 2098"/>
                <a:gd name="T70" fmla="*/ 6206 w 5740"/>
                <a:gd name="T71" fmla="*/ 48 h 2098"/>
                <a:gd name="T72" fmla="*/ 6206 w 5740"/>
                <a:gd name="T73" fmla="*/ 0 h 2098"/>
                <a:gd name="T74" fmla="*/ 6206 w 5740"/>
                <a:gd name="T75" fmla="*/ 0 h 2098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</a:gdLst>
              <a:ahLst/>
              <a:cxnLst>
                <a:cxn ang="T76">
                  <a:pos x="T0" y="T1"/>
                </a:cxn>
                <a:cxn ang="T77">
                  <a:pos x="T2" y="T3"/>
                </a:cxn>
                <a:cxn ang="T78">
                  <a:pos x="T4" y="T5"/>
                </a:cxn>
                <a:cxn ang="T79">
                  <a:pos x="T6" y="T7"/>
                </a:cxn>
                <a:cxn ang="T80">
                  <a:pos x="T8" y="T9"/>
                </a:cxn>
                <a:cxn ang="T81">
                  <a:pos x="T10" y="T11"/>
                </a:cxn>
                <a:cxn ang="T82">
                  <a:pos x="T12" y="T13"/>
                </a:cxn>
                <a:cxn ang="T83">
                  <a:pos x="T14" y="T15"/>
                </a:cxn>
                <a:cxn ang="T84">
                  <a:pos x="T16" y="T17"/>
                </a:cxn>
                <a:cxn ang="T85">
                  <a:pos x="T18" y="T19"/>
                </a:cxn>
                <a:cxn ang="T86">
                  <a:pos x="T20" y="T21"/>
                </a:cxn>
                <a:cxn ang="T87">
                  <a:pos x="T22" y="T23"/>
                </a:cxn>
                <a:cxn ang="T88">
                  <a:pos x="T24" y="T25"/>
                </a:cxn>
                <a:cxn ang="T89">
                  <a:pos x="T26" y="T27"/>
                </a:cxn>
                <a:cxn ang="T90">
                  <a:pos x="T28" y="T29"/>
                </a:cxn>
                <a:cxn ang="T91">
                  <a:pos x="T30" y="T31"/>
                </a:cxn>
                <a:cxn ang="T92">
                  <a:pos x="T32" y="T33"/>
                </a:cxn>
                <a:cxn ang="T93">
                  <a:pos x="T34" y="T35"/>
                </a:cxn>
                <a:cxn ang="T94">
                  <a:pos x="T36" y="T37"/>
                </a:cxn>
                <a:cxn ang="T95">
                  <a:pos x="T38" y="T39"/>
                </a:cxn>
                <a:cxn ang="T96">
                  <a:pos x="T40" y="T41"/>
                </a:cxn>
                <a:cxn ang="T97">
                  <a:pos x="T42" y="T43"/>
                </a:cxn>
                <a:cxn ang="T98">
                  <a:pos x="T44" y="T45"/>
                </a:cxn>
                <a:cxn ang="T99">
                  <a:pos x="T46" y="T47"/>
                </a:cxn>
                <a:cxn ang="T100">
                  <a:pos x="T48" y="T49"/>
                </a:cxn>
                <a:cxn ang="T101">
                  <a:pos x="T50" y="T51"/>
                </a:cxn>
                <a:cxn ang="T102">
                  <a:pos x="T52" y="T53"/>
                </a:cxn>
                <a:cxn ang="T103">
                  <a:pos x="T54" y="T55"/>
                </a:cxn>
                <a:cxn ang="T104">
                  <a:pos x="T56" y="T57"/>
                </a:cxn>
                <a:cxn ang="T105">
                  <a:pos x="T58" y="T59"/>
                </a:cxn>
                <a:cxn ang="T106">
                  <a:pos x="T60" y="T61"/>
                </a:cxn>
                <a:cxn ang="T107">
                  <a:pos x="T62" y="T63"/>
                </a:cxn>
                <a:cxn ang="T108">
                  <a:pos x="T64" y="T65"/>
                </a:cxn>
                <a:cxn ang="T109">
                  <a:pos x="T66" y="T67"/>
                </a:cxn>
                <a:cxn ang="T110">
                  <a:pos x="T68" y="T69"/>
                </a:cxn>
                <a:cxn ang="T111">
                  <a:pos x="T70" y="T71"/>
                </a:cxn>
                <a:cxn ang="T112">
                  <a:pos x="T72" y="T73"/>
                </a:cxn>
                <a:cxn ang="T113">
                  <a:pos x="T74" y="T75"/>
                </a:cxn>
              </a:cxnLst>
              <a:rect l="0" t="0" r="r" b="b"/>
              <a:pathLst>
                <a:path w="5740" h="2098">
                  <a:moveTo>
                    <a:pt x="5740" y="0"/>
                  </a:moveTo>
                  <a:lnTo>
                    <a:pt x="5638" y="72"/>
                  </a:lnTo>
                  <a:lnTo>
                    <a:pt x="5537" y="138"/>
                  </a:lnTo>
                  <a:lnTo>
                    <a:pt x="5423" y="210"/>
                  </a:lnTo>
                  <a:lnTo>
                    <a:pt x="5304" y="276"/>
                  </a:lnTo>
                  <a:lnTo>
                    <a:pt x="5052" y="414"/>
                  </a:lnTo>
                  <a:lnTo>
                    <a:pt x="4777" y="552"/>
                  </a:lnTo>
                  <a:lnTo>
                    <a:pt x="4478" y="690"/>
                  </a:lnTo>
                  <a:lnTo>
                    <a:pt x="4162" y="827"/>
                  </a:lnTo>
                  <a:lnTo>
                    <a:pt x="3827" y="959"/>
                  </a:lnTo>
                  <a:lnTo>
                    <a:pt x="3468" y="1091"/>
                  </a:lnTo>
                  <a:lnTo>
                    <a:pt x="3091" y="1223"/>
                  </a:lnTo>
                  <a:lnTo>
                    <a:pt x="2697" y="1355"/>
                  </a:lnTo>
                  <a:lnTo>
                    <a:pt x="2284" y="1481"/>
                  </a:lnTo>
                  <a:lnTo>
                    <a:pt x="1860" y="1601"/>
                  </a:lnTo>
                  <a:lnTo>
                    <a:pt x="1417" y="1721"/>
                  </a:lnTo>
                  <a:lnTo>
                    <a:pt x="957" y="1834"/>
                  </a:lnTo>
                  <a:lnTo>
                    <a:pt x="484" y="1948"/>
                  </a:lnTo>
                  <a:lnTo>
                    <a:pt x="0" y="2056"/>
                  </a:lnTo>
                  <a:lnTo>
                    <a:pt x="0" y="2098"/>
                  </a:lnTo>
                  <a:lnTo>
                    <a:pt x="478" y="1990"/>
                  </a:lnTo>
                  <a:lnTo>
                    <a:pt x="951" y="1882"/>
                  </a:lnTo>
                  <a:lnTo>
                    <a:pt x="1405" y="1763"/>
                  </a:lnTo>
                  <a:lnTo>
                    <a:pt x="1842" y="1649"/>
                  </a:lnTo>
                  <a:lnTo>
                    <a:pt x="2266" y="1523"/>
                  </a:lnTo>
                  <a:lnTo>
                    <a:pt x="2679" y="1397"/>
                  </a:lnTo>
                  <a:lnTo>
                    <a:pt x="3067" y="1271"/>
                  </a:lnTo>
                  <a:lnTo>
                    <a:pt x="3444" y="1139"/>
                  </a:lnTo>
                  <a:lnTo>
                    <a:pt x="3803" y="1007"/>
                  </a:lnTo>
                  <a:lnTo>
                    <a:pt x="4138" y="875"/>
                  </a:lnTo>
                  <a:lnTo>
                    <a:pt x="4460" y="737"/>
                  </a:lnTo>
                  <a:lnTo>
                    <a:pt x="4759" y="600"/>
                  </a:lnTo>
                  <a:lnTo>
                    <a:pt x="5040" y="462"/>
                  </a:lnTo>
                  <a:lnTo>
                    <a:pt x="5292" y="324"/>
                  </a:lnTo>
                  <a:lnTo>
                    <a:pt x="5531" y="186"/>
                  </a:lnTo>
                  <a:lnTo>
                    <a:pt x="5740" y="48"/>
                  </a:lnTo>
                  <a:lnTo>
                    <a:pt x="5740" y="0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8" name="Freeform 8">
              <a:extLst>
                <a:ext uri="{FF2B5EF4-FFF2-40B4-BE49-F238E27FC236}">
                  <a16:creationId xmlns:a16="http://schemas.microsoft.com/office/drawing/2014/main" id="{98296B1D-1B44-41F3-9A4D-D451039DA362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102"/>
              <a:ext cx="1961" cy="1265"/>
            </a:xfrm>
            <a:custGeom>
              <a:avLst/>
              <a:gdLst>
                <a:gd name="T0" fmla="*/ 2105 w 1955"/>
                <a:gd name="T1" fmla="*/ 485 h 1265"/>
                <a:gd name="T2" fmla="*/ 2051 w 1955"/>
                <a:gd name="T3" fmla="*/ 390 h 1265"/>
                <a:gd name="T4" fmla="*/ 1915 w 1955"/>
                <a:gd name="T5" fmla="*/ 306 h 1265"/>
                <a:gd name="T6" fmla="*/ 1704 w 1955"/>
                <a:gd name="T7" fmla="*/ 228 h 1265"/>
                <a:gd name="T8" fmla="*/ 1427 w 1955"/>
                <a:gd name="T9" fmla="*/ 162 h 1265"/>
                <a:gd name="T10" fmla="*/ 1085 w 1955"/>
                <a:gd name="T11" fmla="*/ 102 h 1265"/>
                <a:gd name="T12" fmla="*/ 696 w 1955"/>
                <a:gd name="T13" fmla="*/ 54 h 1265"/>
                <a:gd name="T14" fmla="*/ 252 w 1955"/>
                <a:gd name="T15" fmla="*/ 18 h 1265"/>
                <a:gd name="T16" fmla="*/ 0 w 1955"/>
                <a:gd name="T17" fmla="*/ 12 h 1265"/>
                <a:gd name="T18" fmla="*/ 456 w 1955"/>
                <a:gd name="T19" fmla="*/ 48 h 1265"/>
                <a:gd name="T20" fmla="*/ 887 w 1955"/>
                <a:gd name="T21" fmla="*/ 90 h 1265"/>
                <a:gd name="T22" fmla="*/ 1248 w 1955"/>
                <a:gd name="T23" fmla="*/ 144 h 1265"/>
                <a:gd name="T24" fmla="*/ 1537 w 1955"/>
                <a:gd name="T25" fmla="*/ 204 h 1265"/>
                <a:gd name="T26" fmla="*/ 1763 w 1955"/>
                <a:gd name="T27" fmla="*/ 276 h 1265"/>
                <a:gd name="T28" fmla="*/ 1944 w 1955"/>
                <a:gd name="T29" fmla="*/ 360 h 1265"/>
                <a:gd name="T30" fmla="*/ 2033 w 1955"/>
                <a:gd name="T31" fmla="*/ 443 h 1265"/>
                <a:gd name="T32" fmla="*/ 2051 w 1955"/>
                <a:gd name="T33" fmla="*/ 539 h 1265"/>
                <a:gd name="T34" fmla="*/ 2004 w 1955"/>
                <a:gd name="T35" fmla="*/ 629 h 1265"/>
                <a:gd name="T36" fmla="*/ 1886 w 1955"/>
                <a:gd name="T37" fmla="*/ 719 h 1265"/>
                <a:gd name="T38" fmla="*/ 1704 w 1955"/>
                <a:gd name="T39" fmla="*/ 809 h 1265"/>
                <a:gd name="T40" fmla="*/ 1457 w 1955"/>
                <a:gd name="T41" fmla="*/ 899 h 1265"/>
                <a:gd name="T42" fmla="*/ 1170 w 1955"/>
                <a:gd name="T43" fmla="*/ 989 h 1265"/>
                <a:gd name="T44" fmla="*/ 815 w 1955"/>
                <a:gd name="T45" fmla="*/ 1073 h 1265"/>
                <a:gd name="T46" fmla="*/ 432 w 1955"/>
                <a:gd name="T47" fmla="*/ 1157 h 1265"/>
                <a:gd name="T48" fmla="*/ 0 w 1955"/>
                <a:gd name="T49" fmla="*/ 1241 h 1265"/>
                <a:gd name="T50" fmla="*/ 240 w 1955"/>
                <a:gd name="T51" fmla="*/ 1223 h 1265"/>
                <a:gd name="T52" fmla="*/ 660 w 1955"/>
                <a:gd name="T53" fmla="*/ 1139 h 1265"/>
                <a:gd name="T54" fmla="*/ 1032 w 1955"/>
                <a:gd name="T55" fmla="*/ 1049 h 1265"/>
                <a:gd name="T56" fmla="*/ 1362 w 1955"/>
                <a:gd name="T57" fmla="*/ 959 h 1265"/>
                <a:gd name="T58" fmla="*/ 1638 w 1955"/>
                <a:gd name="T59" fmla="*/ 863 h 1265"/>
                <a:gd name="T60" fmla="*/ 1850 w 1955"/>
                <a:gd name="T61" fmla="*/ 767 h 1265"/>
                <a:gd name="T62" fmla="*/ 2010 w 1955"/>
                <a:gd name="T63" fmla="*/ 677 h 1265"/>
                <a:gd name="T64" fmla="*/ 2087 w 1955"/>
                <a:gd name="T65" fmla="*/ 581 h 1265"/>
                <a:gd name="T66" fmla="*/ 2105 w 1955"/>
                <a:gd name="T67" fmla="*/ 533 h 1265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</a:gdLst>
              <a:ahLst/>
              <a:cxnLst>
                <a:cxn ang="T68">
                  <a:pos x="T0" y="T1"/>
                </a:cxn>
                <a:cxn ang="T69">
                  <a:pos x="T2" y="T3"/>
                </a:cxn>
                <a:cxn ang="T70">
                  <a:pos x="T4" y="T5"/>
                </a:cxn>
                <a:cxn ang="T71">
                  <a:pos x="T6" y="T7"/>
                </a:cxn>
                <a:cxn ang="T72">
                  <a:pos x="T8" y="T9"/>
                </a:cxn>
                <a:cxn ang="T73">
                  <a:pos x="T10" y="T11"/>
                </a:cxn>
                <a:cxn ang="T74">
                  <a:pos x="T12" y="T13"/>
                </a:cxn>
                <a:cxn ang="T75">
                  <a:pos x="T14" y="T15"/>
                </a:cxn>
                <a:cxn ang="T76">
                  <a:pos x="T16" y="T17"/>
                </a:cxn>
                <a:cxn ang="T77">
                  <a:pos x="T18" y="T19"/>
                </a:cxn>
                <a:cxn ang="T78">
                  <a:pos x="T20" y="T21"/>
                </a:cxn>
                <a:cxn ang="T79">
                  <a:pos x="T22" y="T23"/>
                </a:cxn>
                <a:cxn ang="T80">
                  <a:pos x="T24" y="T25"/>
                </a:cxn>
                <a:cxn ang="T81">
                  <a:pos x="T26" y="T27"/>
                </a:cxn>
                <a:cxn ang="T82">
                  <a:pos x="T28" y="T29"/>
                </a:cxn>
                <a:cxn ang="T83">
                  <a:pos x="T30" y="T31"/>
                </a:cxn>
                <a:cxn ang="T84">
                  <a:pos x="T32" y="T33"/>
                </a:cxn>
                <a:cxn ang="T85">
                  <a:pos x="T34" y="T35"/>
                </a:cxn>
                <a:cxn ang="T86">
                  <a:pos x="T36" y="T37"/>
                </a:cxn>
                <a:cxn ang="T87">
                  <a:pos x="T38" y="T39"/>
                </a:cxn>
                <a:cxn ang="T88">
                  <a:pos x="T40" y="T41"/>
                </a:cxn>
                <a:cxn ang="T89">
                  <a:pos x="T42" y="T43"/>
                </a:cxn>
                <a:cxn ang="T90">
                  <a:pos x="T44" y="T45"/>
                </a:cxn>
                <a:cxn ang="T91">
                  <a:pos x="T46" y="T47"/>
                </a:cxn>
                <a:cxn ang="T92">
                  <a:pos x="T48" y="T49"/>
                </a:cxn>
                <a:cxn ang="T93">
                  <a:pos x="T50" y="T51"/>
                </a:cxn>
                <a:cxn ang="T94">
                  <a:pos x="T52" y="T53"/>
                </a:cxn>
                <a:cxn ang="T95">
                  <a:pos x="T54" y="T55"/>
                </a:cxn>
                <a:cxn ang="T96">
                  <a:pos x="T56" y="T57"/>
                </a:cxn>
                <a:cxn ang="T97">
                  <a:pos x="T58" y="T59"/>
                </a:cxn>
                <a:cxn ang="T98">
                  <a:pos x="T60" y="T61"/>
                </a:cxn>
                <a:cxn ang="T99">
                  <a:pos x="T62" y="T63"/>
                </a:cxn>
                <a:cxn ang="T100">
                  <a:pos x="T64" y="T65"/>
                </a:cxn>
                <a:cxn ang="T101">
                  <a:pos x="T66" y="T67"/>
                </a:cxn>
              </a:cxnLst>
              <a:rect l="0" t="0" r="r" b="b"/>
              <a:pathLst>
                <a:path w="1955" h="1265">
                  <a:moveTo>
                    <a:pt x="1955" y="533"/>
                  </a:moveTo>
                  <a:lnTo>
                    <a:pt x="1955" y="485"/>
                  </a:lnTo>
                  <a:lnTo>
                    <a:pt x="1937" y="438"/>
                  </a:lnTo>
                  <a:lnTo>
                    <a:pt x="1901" y="390"/>
                  </a:lnTo>
                  <a:lnTo>
                    <a:pt x="1842" y="348"/>
                  </a:lnTo>
                  <a:lnTo>
                    <a:pt x="1770" y="306"/>
                  </a:lnTo>
                  <a:lnTo>
                    <a:pt x="1686" y="270"/>
                  </a:lnTo>
                  <a:lnTo>
                    <a:pt x="1579" y="228"/>
                  </a:lnTo>
                  <a:lnTo>
                    <a:pt x="1459" y="198"/>
                  </a:lnTo>
                  <a:lnTo>
                    <a:pt x="1327" y="162"/>
                  </a:lnTo>
                  <a:lnTo>
                    <a:pt x="1178" y="132"/>
                  </a:lnTo>
                  <a:lnTo>
                    <a:pt x="1010" y="102"/>
                  </a:lnTo>
                  <a:lnTo>
                    <a:pt x="837" y="78"/>
                  </a:lnTo>
                  <a:lnTo>
                    <a:pt x="646" y="54"/>
                  </a:lnTo>
                  <a:lnTo>
                    <a:pt x="442" y="36"/>
                  </a:lnTo>
                  <a:lnTo>
                    <a:pt x="227" y="18"/>
                  </a:lnTo>
                  <a:lnTo>
                    <a:pt x="0" y="0"/>
                  </a:lnTo>
                  <a:lnTo>
                    <a:pt x="0" y="12"/>
                  </a:lnTo>
                  <a:lnTo>
                    <a:pt x="221" y="30"/>
                  </a:lnTo>
                  <a:lnTo>
                    <a:pt x="431" y="48"/>
                  </a:lnTo>
                  <a:lnTo>
                    <a:pt x="628" y="66"/>
                  </a:lnTo>
                  <a:lnTo>
                    <a:pt x="813" y="90"/>
                  </a:lnTo>
                  <a:lnTo>
                    <a:pt x="987" y="114"/>
                  </a:lnTo>
                  <a:lnTo>
                    <a:pt x="1148" y="144"/>
                  </a:lnTo>
                  <a:lnTo>
                    <a:pt x="1292" y="174"/>
                  </a:lnTo>
                  <a:lnTo>
                    <a:pt x="1423" y="204"/>
                  </a:lnTo>
                  <a:lnTo>
                    <a:pt x="1537" y="240"/>
                  </a:lnTo>
                  <a:lnTo>
                    <a:pt x="1638" y="276"/>
                  </a:lnTo>
                  <a:lnTo>
                    <a:pt x="1728" y="318"/>
                  </a:lnTo>
                  <a:lnTo>
                    <a:pt x="1794" y="360"/>
                  </a:lnTo>
                  <a:lnTo>
                    <a:pt x="1848" y="402"/>
                  </a:lnTo>
                  <a:lnTo>
                    <a:pt x="1883" y="443"/>
                  </a:lnTo>
                  <a:lnTo>
                    <a:pt x="1901" y="491"/>
                  </a:lnTo>
                  <a:lnTo>
                    <a:pt x="1901" y="539"/>
                  </a:lnTo>
                  <a:lnTo>
                    <a:pt x="1883" y="587"/>
                  </a:lnTo>
                  <a:lnTo>
                    <a:pt x="1854" y="629"/>
                  </a:lnTo>
                  <a:lnTo>
                    <a:pt x="1806" y="677"/>
                  </a:lnTo>
                  <a:lnTo>
                    <a:pt x="1746" y="719"/>
                  </a:lnTo>
                  <a:lnTo>
                    <a:pt x="1668" y="767"/>
                  </a:lnTo>
                  <a:lnTo>
                    <a:pt x="1579" y="809"/>
                  </a:lnTo>
                  <a:lnTo>
                    <a:pt x="1471" y="857"/>
                  </a:lnTo>
                  <a:lnTo>
                    <a:pt x="1357" y="899"/>
                  </a:lnTo>
                  <a:lnTo>
                    <a:pt x="1226" y="941"/>
                  </a:lnTo>
                  <a:lnTo>
                    <a:pt x="1088" y="989"/>
                  </a:lnTo>
                  <a:lnTo>
                    <a:pt x="933" y="1031"/>
                  </a:lnTo>
                  <a:lnTo>
                    <a:pt x="765" y="1073"/>
                  </a:lnTo>
                  <a:lnTo>
                    <a:pt x="592" y="1115"/>
                  </a:lnTo>
                  <a:lnTo>
                    <a:pt x="407" y="1157"/>
                  </a:lnTo>
                  <a:lnTo>
                    <a:pt x="209" y="1199"/>
                  </a:lnTo>
                  <a:lnTo>
                    <a:pt x="0" y="1241"/>
                  </a:lnTo>
                  <a:lnTo>
                    <a:pt x="0" y="1265"/>
                  </a:lnTo>
                  <a:lnTo>
                    <a:pt x="215" y="1223"/>
                  </a:lnTo>
                  <a:lnTo>
                    <a:pt x="413" y="1181"/>
                  </a:lnTo>
                  <a:lnTo>
                    <a:pt x="610" y="1139"/>
                  </a:lnTo>
                  <a:lnTo>
                    <a:pt x="789" y="1091"/>
                  </a:lnTo>
                  <a:lnTo>
                    <a:pt x="957" y="1049"/>
                  </a:lnTo>
                  <a:lnTo>
                    <a:pt x="1118" y="1001"/>
                  </a:lnTo>
                  <a:lnTo>
                    <a:pt x="1262" y="959"/>
                  </a:lnTo>
                  <a:lnTo>
                    <a:pt x="1393" y="911"/>
                  </a:lnTo>
                  <a:lnTo>
                    <a:pt x="1513" y="863"/>
                  </a:lnTo>
                  <a:lnTo>
                    <a:pt x="1620" y="815"/>
                  </a:lnTo>
                  <a:lnTo>
                    <a:pt x="1716" y="767"/>
                  </a:lnTo>
                  <a:lnTo>
                    <a:pt x="1794" y="725"/>
                  </a:lnTo>
                  <a:lnTo>
                    <a:pt x="1860" y="677"/>
                  </a:lnTo>
                  <a:lnTo>
                    <a:pt x="1907" y="629"/>
                  </a:lnTo>
                  <a:lnTo>
                    <a:pt x="1937" y="581"/>
                  </a:lnTo>
                  <a:lnTo>
                    <a:pt x="1955" y="533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9" name="Freeform 9">
              <a:extLst>
                <a:ext uri="{FF2B5EF4-FFF2-40B4-BE49-F238E27FC236}">
                  <a16:creationId xmlns:a16="http://schemas.microsoft.com/office/drawing/2014/main" id="{5D8DB69F-70F4-82F0-5421-55804B857C82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0"/>
              <a:ext cx="4709" cy="2901"/>
            </a:xfrm>
            <a:custGeom>
              <a:avLst/>
              <a:gdLst>
                <a:gd name="T0" fmla="*/ 5083 w 4694"/>
                <a:gd name="T1" fmla="*/ 797 h 2901"/>
                <a:gd name="T2" fmla="*/ 5051 w 4694"/>
                <a:gd name="T3" fmla="*/ 665 h 2901"/>
                <a:gd name="T4" fmla="*/ 4968 w 4694"/>
                <a:gd name="T5" fmla="*/ 540 h 2901"/>
                <a:gd name="T6" fmla="*/ 4835 w 4694"/>
                <a:gd name="T7" fmla="*/ 426 h 2901"/>
                <a:gd name="T8" fmla="*/ 4656 w 4694"/>
                <a:gd name="T9" fmla="*/ 312 h 2901"/>
                <a:gd name="T10" fmla="*/ 4423 w 4694"/>
                <a:gd name="T11" fmla="*/ 216 h 2901"/>
                <a:gd name="T12" fmla="*/ 4151 w 4694"/>
                <a:gd name="T13" fmla="*/ 120 h 2901"/>
                <a:gd name="T14" fmla="*/ 3834 w 4694"/>
                <a:gd name="T15" fmla="*/ 36 h 2901"/>
                <a:gd name="T16" fmla="*/ 3471 w 4694"/>
                <a:gd name="T17" fmla="*/ 0 h 2901"/>
                <a:gd name="T18" fmla="*/ 3834 w 4694"/>
                <a:gd name="T19" fmla="*/ 78 h 2901"/>
                <a:gd name="T20" fmla="*/ 4151 w 4694"/>
                <a:gd name="T21" fmla="*/ 162 h 2901"/>
                <a:gd name="T22" fmla="*/ 4423 w 4694"/>
                <a:gd name="T23" fmla="*/ 258 h 2901"/>
                <a:gd name="T24" fmla="*/ 4644 w 4694"/>
                <a:gd name="T25" fmla="*/ 366 h 2901"/>
                <a:gd name="T26" fmla="*/ 4811 w 4694"/>
                <a:gd name="T27" fmla="*/ 480 h 2901"/>
                <a:gd name="T28" fmla="*/ 4929 w 4694"/>
                <a:gd name="T29" fmla="*/ 605 h 2901"/>
                <a:gd name="T30" fmla="*/ 4993 w 4694"/>
                <a:gd name="T31" fmla="*/ 737 h 2901"/>
                <a:gd name="T32" fmla="*/ 4993 w 4694"/>
                <a:gd name="T33" fmla="*/ 875 h 2901"/>
                <a:gd name="T34" fmla="*/ 4949 w 4694"/>
                <a:gd name="T35" fmla="*/ 1001 h 2901"/>
                <a:gd name="T36" fmla="*/ 4861 w 4694"/>
                <a:gd name="T37" fmla="*/ 1127 h 2901"/>
                <a:gd name="T38" fmla="*/ 4734 w 4694"/>
                <a:gd name="T39" fmla="*/ 1259 h 2901"/>
                <a:gd name="T40" fmla="*/ 4565 w 4694"/>
                <a:gd name="T41" fmla="*/ 1385 h 2901"/>
                <a:gd name="T42" fmla="*/ 4358 w 4694"/>
                <a:gd name="T43" fmla="*/ 1517 h 2901"/>
                <a:gd name="T44" fmla="*/ 4118 w 4694"/>
                <a:gd name="T45" fmla="*/ 1648 h 2901"/>
                <a:gd name="T46" fmla="*/ 3841 w 4694"/>
                <a:gd name="T47" fmla="*/ 1774 h 2901"/>
                <a:gd name="T48" fmla="*/ 3531 w 4694"/>
                <a:gd name="T49" fmla="*/ 1906 h 2901"/>
                <a:gd name="T50" fmla="*/ 3188 w 4694"/>
                <a:gd name="T51" fmla="*/ 2032 h 2901"/>
                <a:gd name="T52" fmla="*/ 2811 w 4694"/>
                <a:gd name="T53" fmla="*/ 2164 h 2901"/>
                <a:gd name="T54" fmla="*/ 2406 w 4694"/>
                <a:gd name="T55" fmla="*/ 2284 h 2901"/>
                <a:gd name="T56" fmla="*/ 1974 w 4694"/>
                <a:gd name="T57" fmla="*/ 2410 h 2901"/>
                <a:gd name="T58" fmla="*/ 1521 w 4694"/>
                <a:gd name="T59" fmla="*/ 2530 h 2901"/>
                <a:gd name="T60" fmla="*/ 534 w 4694"/>
                <a:gd name="T61" fmla="*/ 2757 h 2901"/>
                <a:gd name="T62" fmla="*/ 0 w 4694"/>
                <a:gd name="T63" fmla="*/ 2901 h 2901"/>
                <a:gd name="T64" fmla="*/ 1044 w 4694"/>
                <a:gd name="T65" fmla="*/ 2674 h 2901"/>
                <a:gd name="T66" fmla="*/ 1771 w 4694"/>
                <a:gd name="T67" fmla="*/ 2494 h 2901"/>
                <a:gd name="T68" fmla="*/ 2232 w 4694"/>
                <a:gd name="T69" fmla="*/ 2374 h 2901"/>
                <a:gd name="T70" fmla="*/ 2651 w 4694"/>
                <a:gd name="T71" fmla="*/ 2248 h 2901"/>
                <a:gd name="T72" fmla="*/ 3048 w 4694"/>
                <a:gd name="T73" fmla="*/ 2116 h 2901"/>
                <a:gd name="T74" fmla="*/ 3412 w 4694"/>
                <a:gd name="T75" fmla="*/ 1984 h 2901"/>
                <a:gd name="T76" fmla="*/ 3749 w 4694"/>
                <a:gd name="T77" fmla="*/ 1858 h 2901"/>
                <a:gd name="T78" fmla="*/ 4047 w 4694"/>
                <a:gd name="T79" fmla="*/ 1720 h 2901"/>
                <a:gd name="T80" fmla="*/ 4313 w 4694"/>
                <a:gd name="T81" fmla="*/ 1589 h 2901"/>
                <a:gd name="T82" fmla="*/ 4538 w 4694"/>
                <a:gd name="T83" fmla="*/ 1457 h 2901"/>
                <a:gd name="T84" fmla="*/ 4734 w 4694"/>
                <a:gd name="T85" fmla="*/ 1325 h 2901"/>
                <a:gd name="T86" fmla="*/ 4881 w 4694"/>
                <a:gd name="T87" fmla="*/ 1193 h 2901"/>
                <a:gd name="T88" fmla="*/ 4993 w 4694"/>
                <a:gd name="T89" fmla="*/ 1061 h 2901"/>
                <a:gd name="T90" fmla="*/ 5057 w 4694"/>
                <a:gd name="T91" fmla="*/ 935 h 2901"/>
                <a:gd name="T92" fmla="*/ 5077 w 4694"/>
                <a:gd name="T93" fmla="*/ 869 h 2901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</a:gdLst>
              <a:ahLst/>
              <a:cxnLst>
                <a:cxn ang="T94">
                  <a:pos x="T0" y="T1"/>
                </a:cxn>
                <a:cxn ang="T95">
                  <a:pos x="T2" y="T3"/>
                </a:cxn>
                <a:cxn ang="T96">
                  <a:pos x="T4" y="T5"/>
                </a:cxn>
                <a:cxn ang="T97">
                  <a:pos x="T6" y="T7"/>
                </a:cxn>
                <a:cxn ang="T98">
                  <a:pos x="T8" y="T9"/>
                </a:cxn>
                <a:cxn ang="T99">
                  <a:pos x="T10" y="T11"/>
                </a:cxn>
                <a:cxn ang="T100">
                  <a:pos x="T12" y="T13"/>
                </a:cxn>
                <a:cxn ang="T101">
                  <a:pos x="T14" y="T15"/>
                </a:cxn>
                <a:cxn ang="T102">
                  <a:pos x="T16" y="T17"/>
                </a:cxn>
                <a:cxn ang="T103">
                  <a:pos x="T18" y="T19"/>
                </a:cxn>
                <a:cxn ang="T104">
                  <a:pos x="T20" y="T21"/>
                </a:cxn>
                <a:cxn ang="T105">
                  <a:pos x="T22" y="T23"/>
                </a:cxn>
                <a:cxn ang="T106">
                  <a:pos x="T24" y="T25"/>
                </a:cxn>
                <a:cxn ang="T107">
                  <a:pos x="T26" y="T27"/>
                </a:cxn>
                <a:cxn ang="T108">
                  <a:pos x="T28" y="T29"/>
                </a:cxn>
                <a:cxn ang="T109">
                  <a:pos x="T30" y="T31"/>
                </a:cxn>
                <a:cxn ang="T110">
                  <a:pos x="T32" y="T33"/>
                </a:cxn>
                <a:cxn ang="T111">
                  <a:pos x="T34" y="T35"/>
                </a:cxn>
                <a:cxn ang="T112">
                  <a:pos x="T36" y="T37"/>
                </a:cxn>
                <a:cxn ang="T113">
                  <a:pos x="T38" y="T39"/>
                </a:cxn>
                <a:cxn ang="T114">
                  <a:pos x="T40" y="T41"/>
                </a:cxn>
                <a:cxn ang="T115">
                  <a:pos x="T42" y="T43"/>
                </a:cxn>
                <a:cxn ang="T116">
                  <a:pos x="T44" y="T45"/>
                </a:cxn>
                <a:cxn ang="T117">
                  <a:pos x="T46" y="T47"/>
                </a:cxn>
                <a:cxn ang="T118">
                  <a:pos x="T48" y="T49"/>
                </a:cxn>
                <a:cxn ang="T119">
                  <a:pos x="T50" y="T51"/>
                </a:cxn>
                <a:cxn ang="T120">
                  <a:pos x="T52" y="T53"/>
                </a:cxn>
                <a:cxn ang="T121">
                  <a:pos x="T54" y="T55"/>
                </a:cxn>
                <a:cxn ang="T122">
                  <a:pos x="T56" y="T57"/>
                </a:cxn>
                <a:cxn ang="T123">
                  <a:pos x="T58" y="T59"/>
                </a:cxn>
                <a:cxn ang="T124">
                  <a:pos x="T60" y="T61"/>
                </a:cxn>
                <a:cxn ang="T125">
                  <a:pos x="T62" y="T63"/>
                </a:cxn>
                <a:cxn ang="T126">
                  <a:pos x="T64" y="T65"/>
                </a:cxn>
                <a:cxn ang="T127">
                  <a:pos x="T66" y="T67"/>
                </a:cxn>
                <a:cxn ang="T128">
                  <a:pos x="T68" y="T69"/>
                </a:cxn>
                <a:cxn ang="T129">
                  <a:pos x="T70" y="T71"/>
                </a:cxn>
                <a:cxn ang="T130">
                  <a:pos x="T72" y="T73"/>
                </a:cxn>
                <a:cxn ang="T131">
                  <a:pos x="T74" y="T75"/>
                </a:cxn>
                <a:cxn ang="T132">
                  <a:pos x="T76" y="T77"/>
                </a:cxn>
                <a:cxn ang="T133">
                  <a:pos x="T78" y="T79"/>
                </a:cxn>
                <a:cxn ang="T134">
                  <a:pos x="T80" y="T81"/>
                </a:cxn>
                <a:cxn ang="T135">
                  <a:pos x="T82" y="T83"/>
                </a:cxn>
                <a:cxn ang="T136">
                  <a:pos x="T84" y="T85"/>
                </a:cxn>
                <a:cxn ang="T137">
                  <a:pos x="T86" y="T87"/>
                </a:cxn>
                <a:cxn ang="T138">
                  <a:pos x="T88" y="T89"/>
                </a:cxn>
                <a:cxn ang="T139">
                  <a:pos x="T90" y="T91"/>
                </a:cxn>
                <a:cxn ang="T140">
                  <a:pos x="T92" y="T93"/>
                </a:cxn>
              </a:cxnLst>
              <a:rect l="0" t="0" r="r" b="b"/>
              <a:pathLst>
                <a:path w="4694" h="2901">
                  <a:moveTo>
                    <a:pt x="4688" y="869"/>
                  </a:moveTo>
                  <a:lnTo>
                    <a:pt x="4694" y="797"/>
                  </a:lnTo>
                  <a:lnTo>
                    <a:pt x="4688" y="731"/>
                  </a:lnTo>
                  <a:lnTo>
                    <a:pt x="4664" y="665"/>
                  </a:lnTo>
                  <a:lnTo>
                    <a:pt x="4634" y="599"/>
                  </a:lnTo>
                  <a:lnTo>
                    <a:pt x="4586" y="540"/>
                  </a:lnTo>
                  <a:lnTo>
                    <a:pt x="4532" y="480"/>
                  </a:lnTo>
                  <a:lnTo>
                    <a:pt x="4466" y="426"/>
                  </a:lnTo>
                  <a:lnTo>
                    <a:pt x="4389" y="366"/>
                  </a:lnTo>
                  <a:lnTo>
                    <a:pt x="4299" y="312"/>
                  </a:lnTo>
                  <a:lnTo>
                    <a:pt x="4197" y="264"/>
                  </a:lnTo>
                  <a:lnTo>
                    <a:pt x="4084" y="216"/>
                  </a:lnTo>
                  <a:lnTo>
                    <a:pt x="3964" y="168"/>
                  </a:lnTo>
                  <a:lnTo>
                    <a:pt x="3833" y="120"/>
                  </a:lnTo>
                  <a:lnTo>
                    <a:pt x="3689" y="78"/>
                  </a:lnTo>
                  <a:lnTo>
                    <a:pt x="3540" y="36"/>
                  </a:lnTo>
                  <a:lnTo>
                    <a:pt x="3378" y="0"/>
                  </a:lnTo>
                  <a:lnTo>
                    <a:pt x="3205" y="0"/>
                  </a:lnTo>
                  <a:lnTo>
                    <a:pt x="3378" y="36"/>
                  </a:lnTo>
                  <a:lnTo>
                    <a:pt x="3540" y="78"/>
                  </a:lnTo>
                  <a:lnTo>
                    <a:pt x="3689" y="120"/>
                  </a:lnTo>
                  <a:lnTo>
                    <a:pt x="3833" y="162"/>
                  </a:lnTo>
                  <a:lnTo>
                    <a:pt x="3964" y="210"/>
                  </a:lnTo>
                  <a:lnTo>
                    <a:pt x="4084" y="258"/>
                  </a:lnTo>
                  <a:lnTo>
                    <a:pt x="4191" y="312"/>
                  </a:lnTo>
                  <a:lnTo>
                    <a:pt x="4287" y="366"/>
                  </a:lnTo>
                  <a:lnTo>
                    <a:pt x="4371" y="420"/>
                  </a:lnTo>
                  <a:lnTo>
                    <a:pt x="4443" y="480"/>
                  </a:lnTo>
                  <a:lnTo>
                    <a:pt x="4502" y="540"/>
                  </a:lnTo>
                  <a:lnTo>
                    <a:pt x="4550" y="605"/>
                  </a:lnTo>
                  <a:lnTo>
                    <a:pt x="4586" y="671"/>
                  </a:lnTo>
                  <a:lnTo>
                    <a:pt x="4610" y="737"/>
                  </a:lnTo>
                  <a:lnTo>
                    <a:pt x="4616" y="803"/>
                  </a:lnTo>
                  <a:lnTo>
                    <a:pt x="4610" y="875"/>
                  </a:lnTo>
                  <a:lnTo>
                    <a:pt x="4592" y="935"/>
                  </a:lnTo>
                  <a:lnTo>
                    <a:pt x="4568" y="1001"/>
                  </a:lnTo>
                  <a:lnTo>
                    <a:pt x="4532" y="1067"/>
                  </a:lnTo>
                  <a:lnTo>
                    <a:pt x="4490" y="1127"/>
                  </a:lnTo>
                  <a:lnTo>
                    <a:pt x="4437" y="1193"/>
                  </a:lnTo>
                  <a:lnTo>
                    <a:pt x="4371" y="1259"/>
                  </a:lnTo>
                  <a:lnTo>
                    <a:pt x="4299" y="1325"/>
                  </a:lnTo>
                  <a:lnTo>
                    <a:pt x="4215" y="1385"/>
                  </a:lnTo>
                  <a:lnTo>
                    <a:pt x="4126" y="1451"/>
                  </a:lnTo>
                  <a:lnTo>
                    <a:pt x="4024" y="1517"/>
                  </a:lnTo>
                  <a:lnTo>
                    <a:pt x="3916" y="1583"/>
                  </a:lnTo>
                  <a:lnTo>
                    <a:pt x="3803" y="1648"/>
                  </a:lnTo>
                  <a:lnTo>
                    <a:pt x="3677" y="1714"/>
                  </a:lnTo>
                  <a:lnTo>
                    <a:pt x="3546" y="1774"/>
                  </a:lnTo>
                  <a:lnTo>
                    <a:pt x="3408" y="1840"/>
                  </a:lnTo>
                  <a:lnTo>
                    <a:pt x="3259" y="1906"/>
                  </a:lnTo>
                  <a:lnTo>
                    <a:pt x="3103" y="1972"/>
                  </a:lnTo>
                  <a:lnTo>
                    <a:pt x="2942" y="2032"/>
                  </a:lnTo>
                  <a:lnTo>
                    <a:pt x="2768" y="2098"/>
                  </a:lnTo>
                  <a:lnTo>
                    <a:pt x="2595" y="2164"/>
                  </a:lnTo>
                  <a:lnTo>
                    <a:pt x="2410" y="2224"/>
                  </a:lnTo>
                  <a:lnTo>
                    <a:pt x="2224" y="2284"/>
                  </a:lnTo>
                  <a:lnTo>
                    <a:pt x="2027" y="2350"/>
                  </a:lnTo>
                  <a:lnTo>
                    <a:pt x="1824" y="2410"/>
                  </a:lnTo>
                  <a:lnTo>
                    <a:pt x="1614" y="2470"/>
                  </a:lnTo>
                  <a:lnTo>
                    <a:pt x="1399" y="2530"/>
                  </a:lnTo>
                  <a:lnTo>
                    <a:pt x="957" y="2644"/>
                  </a:lnTo>
                  <a:lnTo>
                    <a:pt x="484" y="2757"/>
                  </a:lnTo>
                  <a:lnTo>
                    <a:pt x="0" y="2865"/>
                  </a:lnTo>
                  <a:lnTo>
                    <a:pt x="0" y="2901"/>
                  </a:lnTo>
                  <a:lnTo>
                    <a:pt x="496" y="2787"/>
                  </a:lnTo>
                  <a:lnTo>
                    <a:pt x="969" y="2674"/>
                  </a:lnTo>
                  <a:lnTo>
                    <a:pt x="1423" y="2554"/>
                  </a:lnTo>
                  <a:lnTo>
                    <a:pt x="1638" y="2494"/>
                  </a:lnTo>
                  <a:lnTo>
                    <a:pt x="1854" y="2434"/>
                  </a:lnTo>
                  <a:lnTo>
                    <a:pt x="2057" y="2374"/>
                  </a:lnTo>
                  <a:lnTo>
                    <a:pt x="2254" y="2308"/>
                  </a:lnTo>
                  <a:lnTo>
                    <a:pt x="2451" y="2248"/>
                  </a:lnTo>
                  <a:lnTo>
                    <a:pt x="2637" y="2182"/>
                  </a:lnTo>
                  <a:lnTo>
                    <a:pt x="2816" y="2116"/>
                  </a:lnTo>
                  <a:lnTo>
                    <a:pt x="2990" y="2050"/>
                  </a:lnTo>
                  <a:lnTo>
                    <a:pt x="3151" y="1984"/>
                  </a:lnTo>
                  <a:lnTo>
                    <a:pt x="3312" y="1924"/>
                  </a:lnTo>
                  <a:lnTo>
                    <a:pt x="3462" y="1858"/>
                  </a:lnTo>
                  <a:lnTo>
                    <a:pt x="3605" y="1792"/>
                  </a:lnTo>
                  <a:lnTo>
                    <a:pt x="3737" y="1720"/>
                  </a:lnTo>
                  <a:lnTo>
                    <a:pt x="3863" y="1654"/>
                  </a:lnTo>
                  <a:lnTo>
                    <a:pt x="3982" y="1589"/>
                  </a:lnTo>
                  <a:lnTo>
                    <a:pt x="4090" y="1523"/>
                  </a:lnTo>
                  <a:lnTo>
                    <a:pt x="4191" y="1457"/>
                  </a:lnTo>
                  <a:lnTo>
                    <a:pt x="4287" y="1391"/>
                  </a:lnTo>
                  <a:lnTo>
                    <a:pt x="4371" y="1325"/>
                  </a:lnTo>
                  <a:lnTo>
                    <a:pt x="4443" y="1259"/>
                  </a:lnTo>
                  <a:lnTo>
                    <a:pt x="4508" y="1193"/>
                  </a:lnTo>
                  <a:lnTo>
                    <a:pt x="4562" y="1127"/>
                  </a:lnTo>
                  <a:lnTo>
                    <a:pt x="4610" y="1061"/>
                  </a:lnTo>
                  <a:lnTo>
                    <a:pt x="4646" y="995"/>
                  </a:lnTo>
                  <a:lnTo>
                    <a:pt x="4670" y="935"/>
                  </a:lnTo>
                  <a:lnTo>
                    <a:pt x="4688" y="869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0" name="Freeform 10">
              <a:extLst>
                <a:ext uri="{FF2B5EF4-FFF2-40B4-BE49-F238E27FC236}">
                  <a16:creationId xmlns:a16="http://schemas.microsoft.com/office/drawing/2014/main" id="{2943866E-7504-BB34-268B-11A2598B4103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0"/>
              <a:ext cx="3773" cy="2356"/>
            </a:xfrm>
            <a:custGeom>
              <a:avLst/>
              <a:gdLst>
                <a:gd name="T0" fmla="*/ 4072 w 3761"/>
                <a:gd name="T1" fmla="*/ 719 h 2356"/>
                <a:gd name="T2" fmla="*/ 4040 w 3761"/>
                <a:gd name="T3" fmla="*/ 599 h 2356"/>
                <a:gd name="T4" fmla="*/ 3955 w 3761"/>
                <a:gd name="T5" fmla="*/ 486 h 2356"/>
                <a:gd name="T6" fmla="*/ 3814 w 3761"/>
                <a:gd name="T7" fmla="*/ 378 h 2356"/>
                <a:gd name="T8" fmla="*/ 3624 w 3761"/>
                <a:gd name="T9" fmla="*/ 282 h 2356"/>
                <a:gd name="T10" fmla="*/ 3385 w 3761"/>
                <a:gd name="T11" fmla="*/ 192 h 2356"/>
                <a:gd name="T12" fmla="*/ 3101 w 3761"/>
                <a:gd name="T13" fmla="*/ 108 h 2356"/>
                <a:gd name="T14" fmla="*/ 2770 w 3761"/>
                <a:gd name="T15" fmla="*/ 36 h 2356"/>
                <a:gd name="T16" fmla="*/ 2412 w 3761"/>
                <a:gd name="T17" fmla="*/ 0 h 2356"/>
                <a:gd name="T18" fmla="*/ 2791 w 3761"/>
                <a:gd name="T19" fmla="*/ 72 h 2356"/>
                <a:gd name="T20" fmla="*/ 3114 w 3761"/>
                <a:gd name="T21" fmla="*/ 150 h 2356"/>
                <a:gd name="T22" fmla="*/ 3398 w 3761"/>
                <a:gd name="T23" fmla="*/ 234 h 2356"/>
                <a:gd name="T24" fmla="*/ 3624 w 3761"/>
                <a:gd name="T25" fmla="*/ 330 h 2356"/>
                <a:gd name="T26" fmla="*/ 3807 w 3761"/>
                <a:gd name="T27" fmla="*/ 432 h 2356"/>
                <a:gd name="T28" fmla="*/ 3923 w 3761"/>
                <a:gd name="T29" fmla="*/ 545 h 2356"/>
                <a:gd name="T30" fmla="*/ 3988 w 3761"/>
                <a:gd name="T31" fmla="*/ 665 h 2356"/>
                <a:gd name="T32" fmla="*/ 3994 w 3761"/>
                <a:gd name="T33" fmla="*/ 791 h 2356"/>
                <a:gd name="T34" fmla="*/ 3955 w 3761"/>
                <a:gd name="T35" fmla="*/ 887 h 2356"/>
                <a:gd name="T36" fmla="*/ 3891 w 3761"/>
                <a:gd name="T37" fmla="*/ 989 h 2356"/>
                <a:gd name="T38" fmla="*/ 3788 w 3761"/>
                <a:gd name="T39" fmla="*/ 1091 h 2356"/>
                <a:gd name="T40" fmla="*/ 3650 w 3761"/>
                <a:gd name="T41" fmla="*/ 1187 h 2356"/>
                <a:gd name="T42" fmla="*/ 3491 w 3761"/>
                <a:gd name="T43" fmla="*/ 1289 h 2356"/>
                <a:gd name="T44" fmla="*/ 3293 w 3761"/>
                <a:gd name="T45" fmla="*/ 1391 h 2356"/>
                <a:gd name="T46" fmla="*/ 3068 w 3761"/>
                <a:gd name="T47" fmla="*/ 1493 h 2356"/>
                <a:gd name="T48" fmla="*/ 2824 w 3761"/>
                <a:gd name="T49" fmla="*/ 1589 h 2356"/>
                <a:gd name="T50" fmla="*/ 2250 w 3761"/>
                <a:gd name="T51" fmla="*/ 1786 h 2356"/>
                <a:gd name="T52" fmla="*/ 1584 w 3761"/>
                <a:gd name="T53" fmla="*/ 1972 h 2356"/>
                <a:gd name="T54" fmla="*/ 830 w 3761"/>
                <a:gd name="T55" fmla="*/ 2158 h 2356"/>
                <a:gd name="T56" fmla="*/ 0 w 3761"/>
                <a:gd name="T57" fmla="*/ 2326 h 2356"/>
                <a:gd name="T58" fmla="*/ 426 w 3761"/>
                <a:gd name="T59" fmla="*/ 2272 h 2356"/>
                <a:gd name="T60" fmla="*/ 1242 w 3761"/>
                <a:gd name="T61" fmla="*/ 2092 h 2356"/>
                <a:gd name="T62" fmla="*/ 1962 w 3761"/>
                <a:gd name="T63" fmla="*/ 1900 h 2356"/>
                <a:gd name="T64" fmla="*/ 2592 w 3761"/>
                <a:gd name="T65" fmla="*/ 1702 h 2356"/>
                <a:gd name="T66" fmla="*/ 2872 w 3761"/>
                <a:gd name="T67" fmla="*/ 1607 h 2356"/>
                <a:gd name="T68" fmla="*/ 3121 w 3761"/>
                <a:gd name="T69" fmla="*/ 1505 h 2356"/>
                <a:gd name="T70" fmla="*/ 3346 w 3761"/>
                <a:gd name="T71" fmla="*/ 1403 h 2356"/>
                <a:gd name="T72" fmla="*/ 3550 w 3761"/>
                <a:gd name="T73" fmla="*/ 1301 h 2356"/>
                <a:gd name="T74" fmla="*/ 3716 w 3761"/>
                <a:gd name="T75" fmla="*/ 1193 h 2356"/>
                <a:gd name="T76" fmla="*/ 3853 w 3761"/>
                <a:gd name="T77" fmla="*/ 1091 h 2356"/>
                <a:gd name="T78" fmla="*/ 3955 w 3761"/>
                <a:gd name="T79" fmla="*/ 989 h 2356"/>
                <a:gd name="T80" fmla="*/ 4027 w 3761"/>
                <a:gd name="T81" fmla="*/ 887 h 2356"/>
                <a:gd name="T82" fmla="*/ 4066 w 3761"/>
                <a:gd name="T83" fmla="*/ 785 h 235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</a:gdLst>
              <a:ahLst/>
              <a:cxnLst>
                <a:cxn ang="T84">
                  <a:pos x="T0" y="T1"/>
                </a:cxn>
                <a:cxn ang="T85">
                  <a:pos x="T2" y="T3"/>
                </a:cxn>
                <a:cxn ang="T86">
                  <a:pos x="T4" y="T5"/>
                </a:cxn>
                <a:cxn ang="T87">
                  <a:pos x="T6" y="T7"/>
                </a:cxn>
                <a:cxn ang="T88">
                  <a:pos x="T8" y="T9"/>
                </a:cxn>
                <a:cxn ang="T89">
                  <a:pos x="T10" y="T11"/>
                </a:cxn>
                <a:cxn ang="T90">
                  <a:pos x="T12" y="T13"/>
                </a:cxn>
                <a:cxn ang="T91">
                  <a:pos x="T14" y="T15"/>
                </a:cxn>
                <a:cxn ang="T92">
                  <a:pos x="T16" y="T17"/>
                </a:cxn>
                <a:cxn ang="T93">
                  <a:pos x="T18" y="T19"/>
                </a:cxn>
                <a:cxn ang="T94">
                  <a:pos x="T20" y="T21"/>
                </a:cxn>
                <a:cxn ang="T95">
                  <a:pos x="T22" y="T23"/>
                </a:cxn>
                <a:cxn ang="T96">
                  <a:pos x="T24" y="T25"/>
                </a:cxn>
                <a:cxn ang="T97">
                  <a:pos x="T26" y="T27"/>
                </a:cxn>
                <a:cxn ang="T98">
                  <a:pos x="T28" y="T29"/>
                </a:cxn>
                <a:cxn ang="T99">
                  <a:pos x="T30" y="T31"/>
                </a:cxn>
                <a:cxn ang="T100">
                  <a:pos x="T32" y="T33"/>
                </a:cxn>
                <a:cxn ang="T101">
                  <a:pos x="T34" y="T35"/>
                </a:cxn>
                <a:cxn ang="T102">
                  <a:pos x="T36" y="T37"/>
                </a:cxn>
                <a:cxn ang="T103">
                  <a:pos x="T38" y="T39"/>
                </a:cxn>
                <a:cxn ang="T104">
                  <a:pos x="T40" y="T41"/>
                </a:cxn>
                <a:cxn ang="T105">
                  <a:pos x="T42" y="T43"/>
                </a:cxn>
                <a:cxn ang="T106">
                  <a:pos x="T44" y="T45"/>
                </a:cxn>
                <a:cxn ang="T107">
                  <a:pos x="T46" y="T47"/>
                </a:cxn>
                <a:cxn ang="T108">
                  <a:pos x="T48" y="T49"/>
                </a:cxn>
                <a:cxn ang="T109">
                  <a:pos x="T50" y="T51"/>
                </a:cxn>
                <a:cxn ang="T110">
                  <a:pos x="T52" y="T53"/>
                </a:cxn>
                <a:cxn ang="T111">
                  <a:pos x="T54" y="T55"/>
                </a:cxn>
                <a:cxn ang="T112">
                  <a:pos x="T56" y="T57"/>
                </a:cxn>
                <a:cxn ang="T113">
                  <a:pos x="T58" y="T59"/>
                </a:cxn>
                <a:cxn ang="T114">
                  <a:pos x="T60" y="T61"/>
                </a:cxn>
                <a:cxn ang="T115">
                  <a:pos x="T62" y="T63"/>
                </a:cxn>
                <a:cxn ang="T116">
                  <a:pos x="T64" y="T65"/>
                </a:cxn>
                <a:cxn ang="T117">
                  <a:pos x="T66" y="T67"/>
                </a:cxn>
                <a:cxn ang="T118">
                  <a:pos x="T68" y="T69"/>
                </a:cxn>
                <a:cxn ang="T119">
                  <a:pos x="T70" y="T71"/>
                </a:cxn>
                <a:cxn ang="T120">
                  <a:pos x="T72" y="T73"/>
                </a:cxn>
                <a:cxn ang="T121">
                  <a:pos x="T74" y="T75"/>
                </a:cxn>
                <a:cxn ang="T122">
                  <a:pos x="T76" y="T77"/>
                </a:cxn>
                <a:cxn ang="T123">
                  <a:pos x="T78" y="T79"/>
                </a:cxn>
                <a:cxn ang="T124">
                  <a:pos x="T80" y="T81"/>
                </a:cxn>
                <a:cxn ang="T125">
                  <a:pos x="T82" y="T83"/>
                </a:cxn>
              </a:cxnLst>
              <a:rect l="0" t="0" r="r" b="b"/>
              <a:pathLst>
                <a:path w="3761" h="2356">
                  <a:moveTo>
                    <a:pt x="3755" y="785"/>
                  </a:moveTo>
                  <a:lnTo>
                    <a:pt x="3761" y="719"/>
                  </a:lnTo>
                  <a:lnTo>
                    <a:pt x="3755" y="659"/>
                  </a:lnTo>
                  <a:lnTo>
                    <a:pt x="3731" y="599"/>
                  </a:lnTo>
                  <a:lnTo>
                    <a:pt x="3701" y="545"/>
                  </a:lnTo>
                  <a:lnTo>
                    <a:pt x="3653" y="486"/>
                  </a:lnTo>
                  <a:lnTo>
                    <a:pt x="3593" y="432"/>
                  </a:lnTo>
                  <a:lnTo>
                    <a:pt x="3522" y="378"/>
                  </a:lnTo>
                  <a:lnTo>
                    <a:pt x="3444" y="330"/>
                  </a:lnTo>
                  <a:lnTo>
                    <a:pt x="3348" y="282"/>
                  </a:lnTo>
                  <a:lnTo>
                    <a:pt x="3241" y="234"/>
                  </a:lnTo>
                  <a:lnTo>
                    <a:pt x="3127" y="192"/>
                  </a:lnTo>
                  <a:lnTo>
                    <a:pt x="3002" y="150"/>
                  </a:lnTo>
                  <a:lnTo>
                    <a:pt x="2864" y="108"/>
                  </a:lnTo>
                  <a:lnTo>
                    <a:pt x="2715" y="72"/>
                  </a:lnTo>
                  <a:lnTo>
                    <a:pt x="2559" y="36"/>
                  </a:lnTo>
                  <a:lnTo>
                    <a:pt x="2392" y="0"/>
                  </a:lnTo>
                  <a:lnTo>
                    <a:pt x="2230" y="0"/>
                  </a:lnTo>
                  <a:lnTo>
                    <a:pt x="2410" y="36"/>
                  </a:lnTo>
                  <a:lnTo>
                    <a:pt x="2577" y="72"/>
                  </a:lnTo>
                  <a:lnTo>
                    <a:pt x="2732" y="108"/>
                  </a:lnTo>
                  <a:lnTo>
                    <a:pt x="2876" y="150"/>
                  </a:lnTo>
                  <a:lnTo>
                    <a:pt x="3014" y="192"/>
                  </a:lnTo>
                  <a:lnTo>
                    <a:pt x="3139" y="234"/>
                  </a:lnTo>
                  <a:lnTo>
                    <a:pt x="3253" y="282"/>
                  </a:lnTo>
                  <a:lnTo>
                    <a:pt x="3348" y="330"/>
                  </a:lnTo>
                  <a:lnTo>
                    <a:pt x="3438" y="384"/>
                  </a:lnTo>
                  <a:lnTo>
                    <a:pt x="3516" y="432"/>
                  </a:lnTo>
                  <a:lnTo>
                    <a:pt x="3576" y="492"/>
                  </a:lnTo>
                  <a:lnTo>
                    <a:pt x="3623" y="545"/>
                  </a:lnTo>
                  <a:lnTo>
                    <a:pt x="3665" y="605"/>
                  </a:lnTo>
                  <a:lnTo>
                    <a:pt x="3683" y="665"/>
                  </a:lnTo>
                  <a:lnTo>
                    <a:pt x="3695" y="725"/>
                  </a:lnTo>
                  <a:lnTo>
                    <a:pt x="3689" y="791"/>
                  </a:lnTo>
                  <a:lnTo>
                    <a:pt x="3677" y="839"/>
                  </a:lnTo>
                  <a:lnTo>
                    <a:pt x="3653" y="887"/>
                  </a:lnTo>
                  <a:lnTo>
                    <a:pt x="3629" y="941"/>
                  </a:lnTo>
                  <a:lnTo>
                    <a:pt x="3593" y="989"/>
                  </a:lnTo>
                  <a:lnTo>
                    <a:pt x="3546" y="1037"/>
                  </a:lnTo>
                  <a:lnTo>
                    <a:pt x="3498" y="1091"/>
                  </a:lnTo>
                  <a:lnTo>
                    <a:pt x="3438" y="1139"/>
                  </a:lnTo>
                  <a:lnTo>
                    <a:pt x="3372" y="1187"/>
                  </a:lnTo>
                  <a:lnTo>
                    <a:pt x="3301" y="1241"/>
                  </a:lnTo>
                  <a:lnTo>
                    <a:pt x="3223" y="1289"/>
                  </a:lnTo>
                  <a:lnTo>
                    <a:pt x="3133" y="1343"/>
                  </a:lnTo>
                  <a:lnTo>
                    <a:pt x="3043" y="1391"/>
                  </a:lnTo>
                  <a:lnTo>
                    <a:pt x="2942" y="1439"/>
                  </a:lnTo>
                  <a:lnTo>
                    <a:pt x="2834" y="1493"/>
                  </a:lnTo>
                  <a:lnTo>
                    <a:pt x="2727" y="1541"/>
                  </a:lnTo>
                  <a:lnTo>
                    <a:pt x="2607" y="1589"/>
                  </a:lnTo>
                  <a:lnTo>
                    <a:pt x="2356" y="1690"/>
                  </a:lnTo>
                  <a:lnTo>
                    <a:pt x="2075" y="1786"/>
                  </a:lnTo>
                  <a:lnTo>
                    <a:pt x="1782" y="1882"/>
                  </a:lnTo>
                  <a:lnTo>
                    <a:pt x="1459" y="1972"/>
                  </a:lnTo>
                  <a:lnTo>
                    <a:pt x="1124" y="2068"/>
                  </a:lnTo>
                  <a:lnTo>
                    <a:pt x="765" y="2158"/>
                  </a:lnTo>
                  <a:lnTo>
                    <a:pt x="389" y="2242"/>
                  </a:lnTo>
                  <a:lnTo>
                    <a:pt x="0" y="2326"/>
                  </a:lnTo>
                  <a:lnTo>
                    <a:pt x="0" y="2356"/>
                  </a:lnTo>
                  <a:lnTo>
                    <a:pt x="401" y="2272"/>
                  </a:lnTo>
                  <a:lnTo>
                    <a:pt x="777" y="2182"/>
                  </a:lnTo>
                  <a:lnTo>
                    <a:pt x="1142" y="2092"/>
                  </a:lnTo>
                  <a:lnTo>
                    <a:pt x="1483" y="1996"/>
                  </a:lnTo>
                  <a:lnTo>
                    <a:pt x="1812" y="1900"/>
                  </a:lnTo>
                  <a:lnTo>
                    <a:pt x="2111" y="1804"/>
                  </a:lnTo>
                  <a:lnTo>
                    <a:pt x="2392" y="1702"/>
                  </a:lnTo>
                  <a:lnTo>
                    <a:pt x="2523" y="1654"/>
                  </a:lnTo>
                  <a:lnTo>
                    <a:pt x="2649" y="1607"/>
                  </a:lnTo>
                  <a:lnTo>
                    <a:pt x="2768" y="1553"/>
                  </a:lnTo>
                  <a:lnTo>
                    <a:pt x="2882" y="1505"/>
                  </a:lnTo>
                  <a:lnTo>
                    <a:pt x="2990" y="1451"/>
                  </a:lnTo>
                  <a:lnTo>
                    <a:pt x="3091" y="1403"/>
                  </a:lnTo>
                  <a:lnTo>
                    <a:pt x="3187" y="1349"/>
                  </a:lnTo>
                  <a:lnTo>
                    <a:pt x="3277" y="1301"/>
                  </a:lnTo>
                  <a:lnTo>
                    <a:pt x="3354" y="1247"/>
                  </a:lnTo>
                  <a:lnTo>
                    <a:pt x="3432" y="1193"/>
                  </a:lnTo>
                  <a:lnTo>
                    <a:pt x="3498" y="1145"/>
                  </a:lnTo>
                  <a:lnTo>
                    <a:pt x="3558" y="1091"/>
                  </a:lnTo>
                  <a:lnTo>
                    <a:pt x="3611" y="1043"/>
                  </a:lnTo>
                  <a:lnTo>
                    <a:pt x="3653" y="989"/>
                  </a:lnTo>
                  <a:lnTo>
                    <a:pt x="3689" y="941"/>
                  </a:lnTo>
                  <a:lnTo>
                    <a:pt x="3719" y="887"/>
                  </a:lnTo>
                  <a:lnTo>
                    <a:pt x="3743" y="833"/>
                  </a:lnTo>
                  <a:lnTo>
                    <a:pt x="3755" y="785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1" name="Freeform 11">
              <a:extLst>
                <a:ext uri="{FF2B5EF4-FFF2-40B4-BE49-F238E27FC236}">
                  <a16:creationId xmlns:a16="http://schemas.microsoft.com/office/drawing/2014/main" id="{CFD76648-F3E2-7757-6827-BB4479D7B348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0"/>
              <a:ext cx="2933" cy="1846"/>
            </a:xfrm>
            <a:custGeom>
              <a:avLst/>
              <a:gdLst>
                <a:gd name="T0" fmla="*/ 3155 w 2924"/>
                <a:gd name="T1" fmla="*/ 647 h 1846"/>
                <a:gd name="T2" fmla="*/ 3102 w 2924"/>
                <a:gd name="T3" fmla="*/ 528 h 1846"/>
                <a:gd name="T4" fmla="*/ 2973 w 2924"/>
                <a:gd name="T5" fmla="*/ 414 h 1846"/>
                <a:gd name="T6" fmla="*/ 2759 w 2924"/>
                <a:gd name="T7" fmla="*/ 318 h 1846"/>
                <a:gd name="T8" fmla="*/ 2482 w 2924"/>
                <a:gd name="T9" fmla="*/ 228 h 1846"/>
                <a:gd name="T10" fmla="*/ 2138 w 2924"/>
                <a:gd name="T11" fmla="*/ 150 h 1846"/>
                <a:gd name="T12" fmla="*/ 1733 w 2924"/>
                <a:gd name="T13" fmla="*/ 78 h 1846"/>
                <a:gd name="T14" fmla="*/ 1278 w 2924"/>
                <a:gd name="T15" fmla="*/ 24 h 1846"/>
                <a:gd name="T16" fmla="*/ 744 w 2924"/>
                <a:gd name="T17" fmla="*/ 0 h 1846"/>
                <a:gd name="T18" fmla="*/ 1290 w 2924"/>
                <a:gd name="T19" fmla="*/ 48 h 1846"/>
                <a:gd name="T20" fmla="*/ 1751 w 2924"/>
                <a:gd name="T21" fmla="*/ 108 h 1846"/>
                <a:gd name="T22" fmla="*/ 2166 w 2924"/>
                <a:gd name="T23" fmla="*/ 180 h 1846"/>
                <a:gd name="T24" fmla="*/ 2510 w 2924"/>
                <a:gd name="T25" fmla="*/ 264 h 1846"/>
                <a:gd name="T26" fmla="*/ 2772 w 2924"/>
                <a:gd name="T27" fmla="*/ 360 h 1846"/>
                <a:gd name="T28" fmla="*/ 2973 w 2924"/>
                <a:gd name="T29" fmla="*/ 468 h 1846"/>
                <a:gd name="T30" fmla="*/ 3071 w 2924"/>
                <a:gd name="T31" fmla="*/ 587 h 1846"/>
                <a:gd name="T32" fmla="*/ 3089 w 2924"/>
                <a:gd name="T33" fmla="*/ 713 h 1846"/>
                <a:gd name="T34" fmla="*/ 3065 w 2924"/>
                <a:gd name="T35" fmla="*/ 785 h 1846"/>
                <a:gd name="T36" fmla="*/ 3017 w 2924"/>
                <a:gd name="T37" fmla="*/ 857 h 1846"/>
                <a:gd name="T38" fmla="*/ 2832 w 2924"/>
                <a:gd name="T39" fmla="*/ 1001 h 1846"/>
                <a:gd name="T40" fmla="*/ 2558 w 2924"/>
                <a:gd name="T41" fmla="*/ 1145 h 1846"/>
                <a:gd name="T42" fmla="*/ 2194 w 2924"/>
                <a:gd name="T43" fmla="*/ 1289 h 1846"/>
                <a:gd name="T44" fmla="*/ 1751 w 2924"/>
                <a:gd name="T45" fmla="*/ 1433 h 1846"/>
                <a:gd name="T46" fmla="*/ 1242 w 2924"/>
                <a:gd name="T47" fmla="*/ 1571 h 1846"/>
                <a:gd name="T48" fmla="*/ 654 w 2924"/>
                <a:gd name="T49" fmla="*/ 1702 h 1846"/>
                <a:gd name="T50" fmla="*/ 0 w 2924"/>
                <a:gd name="T51" fmla="*/ 1828 h 1846"/>
                <a:gd name="T52" fmla="*/ 336 w 2924"/>
                <a:gd name="T53" fmla="*/ 1780 h 1846"/>
                <a:gd name="T54" fmla="*/ 972 w 2924"/>
                <a:gd name="T55" fmla="*/ 1648 h 1846"/>
                <a:gd name="T56" fmla="*/ 1530 w 2924"/>
                <a:gd name="T57" fmla="*/ 1511 h 1846"/>
                <a:gd name="T58" fmla="*/ 2021 w 2924"/>
                <a:gd name="T59" fmla="*/ 1367 h 1846"/>
                <a:gd name="T60" fmla="*/ 2429 w 2924"/>
                <a:gd name="T61" fmla="*/ 1223 h 1846"/>
                <a:gd name="T62" fmla="*/ 2759 w 2924"/>
                <a:gd name="T63" fmla="*/ 1079 h 1846"/>
                <a:gd name="T64" fmla="*/ 2999 w 2924"/>
                <a:gd name="T65" fmla="*/ 929 h 1846"/>
                <a:gd name="T66" fmla="*/ 3102 w 2924"/>
                <a:gd name="T67" fmla="*/ 815 h 1846"/>
                <a:gd name="T68" fmla="*/ 3142 w 2924"/>
                <a:gd name="T69" fmla="*/ 743 h 1846"/>
                <a:gd name="T70" fmla="*/ 3155 w 2924"/>
                <a:gd name="T71" fmla="*/ 707 h 184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</a:gdLst>
              <a:ahLst/>
              <a:cxnLst>
                <a:cxn ang="T72">
                  <a:pos x="T0" y="T1"/>
                </a:cxn>
                <a:cxn ang="T73">
                  <a:pos x="T2" y="T3"/>
                </a:cxn>
                <a:cxn ang="T74">
                  <a:pos x="T4" y="T5"/>
                </a:cxn>
                <a:cxn ang="T75">
                  <a:pos x="T6" y="T7"/>
                </a:cxn>
                <a:cxn ang="T76">
                  <a:pos x="T8" y="T9"/>
                </a:cxn>
                <a:cxn ang="T77">
                  <a:pos x="T10" y="T11"/>
                </a:cxn>
                <a:cxn ang="T78">
                  <a:pos x="T12" y="T13"/>
                </a:cxn>
                <a:cxn ang="T79">
                  <a:pos x="T14" y="T15"/>
                </a:cxn>
                <a:cxn ang="T80">
                  <a:pos x="T16" y="T17"/>
                </a:cxn>
                <a:cxn ang="T81">
                  <a:pos x="T18" y="T19"/>
                </a:cxn>
                <a:cxn ang="T82">
                  <a:pos x="T20" y="T21"/>
                </a:cxn>
                <a:cxn ang="T83">
                  <a:pos x="T22" y="T23"/>
                </a:cxn>
                <a:cxn ang="T84">
                  <a:pos x="T24" y="T25"/>
                </a:cxn>
                <a:cxn ang="T85">
                  <a:pos x="T26" y="T27"/>
                </a:cxn>
                <a:cxn ang="T86">
                  <a:pos x="T28" y="T29"/>
                </a:cxn>
                <a:cxn ang="T87">
                  <a:pos x="T30" y="T31"/>
                </a:cxn>
                <a:cxn ang="T88">
                  <a:pos x="T32" y="T33"/>
                </a:cxn>
                <a:cxn ang="T89">
                  <a:pos x="T34" y="T35"/>
                </a:cxn>
                <a:cxn ang="T90">
                  <a:pos x="T36" y="T37"/>
                </a:cxn>
                <a:cxn ang="T91">
                  <a:pos x="T38" y="T39"/>
                </a:cxn>
                <a:cxn ang="T92">
                  <a:pos x="T40" y="T41"/>
                </a:cxn>
                <a:cxn ang="T93">
                  <a:pos x="T42" y="T43"/>
                </a:cxn>
                <a:cxn ang="T94">
                  <a:pos x="T44" y="T45"/>
                </a:cxn>
                <a:cxn ang="T95">
                  <a:pos x="T46" y="T47"/>
                </a:cxn>
                <a:cxn ang="T96">
                  <a:pos x="T48" y="T49"/>
                </a:cxn>
                <a:cxn ang="T97">
                  <a:pos x="T50" y="T51"/>
                </a:cxn>
                <a:cxn ang="T98">
                  <a:pos x="T52" y="T53"/>
                </a:cxn>
                <a:cxn ang="T99">
                  <a:pos x="T54" y="T55"/>
                </a:cxn>
                <a:cxn ang="T100">
                  <a:pos x="T56" y="T57"/>
                </a:cxn>
                <a:cxn ang="T101">
                  <a:pos x="T58" y="T59"/>
                </a:cxn>
                <a:cxn ang="T102">
                  <a:pos x="T60" y="T61"/>
                </a:cxn>
                <a:cxn ang="T103">
                  <a:pos x="T62" y="T63"/>
                </a:cxn>
                <a:cxn ang="T104">
                  <a:pos x="T64" y="T65"/>
                </a:cxn>
                <a:cxn ang="T105">
                  <a:pos x="T66" y="T67"/>
                </a:cxn>
                <a:cxn ang="T106">
                  <a:pos x="T68" y="T69"/>
                </a:cxn>
                <a:cxn ang="T107">
                  <a:pos x="T70" y="T71"/>
                </a:cxn>
              </a:cxnLst>
              <a:rect l="0" t="0" r="r" b="b"/>
              <a:pathLst>
                <a:path w="2924" h="1846">
                  <a:moveTo>
                    <a:pt x="2924" y="707"/>
                  </a:moveTo>
                  <a:lnTo>
                    <a:pt x="2924" y="647"/>
                  </a:lnTo>
                  <a:lnTo>
                    <a:pt x="2912" y="581"/>
                  </a:lnTo>
                  <a:lnTo>
                    <a:pt x="2876" y="528"/>
                  </a:lnTo>
                  <a:lnTo>
                    <a:pt x="2822" y="468"/>
                  </a:lnTo>
                  <a:lnTo>
                    <a:pt x="2750" y="414"/>
                  </a:lnTo>
                  <a:lnTo>
                    <a:pt x="2667" y="366"/>
                  </a:lnTo>
                  <a:lnTo>
                    <a:pt x="2559" y="318"/>
                  </a:lnTo>
                  <a:lnTo>
                    <a:pt x="2440" y="270"/>
                  </a:lnTo>
                  <a:lnTo>
                    <a:pt x="2302" y="228"/>
                  </a:lnTo>
                  <a:lnTo>
                    <a:pt x="2153" y="186"/>
                  </a:lnTo>
                  <a:lnTo>
                    <a:pt x="1985" y="150"/>
                  </a:lnTo>
                  <a:lnTo>
                    <a:pt x="1806" y="114"/>
                  </a:lnTo>
                  <a:lnTo>
                    <a:pt x="1608" y="78"/>
                  </a:lnTo>
                  <a:lnTo>
                    <a:pt x="1399" y="54"/>
                  </a:lnTo>
                  <a:lnTo>
                    <a:pt x="1178" y="24"/>
                  </a:lnTo>
                  <a:lnTo>
                    <a:pt x="945" y="0"/>
                  </a:lnTo>
                  <a:lnTo>
                    <a:pt x="694" y="0"/>
                  </a:lnTo>
                  <a:lnTo>
                    <a:pt x="945" y="24"/>
                  </a:lnTo>
                  <a:lnTo>
                    <a:pt x="1190" y="48"/>
                  </a:lnTo>
                  <a:lnTo>
                    <a:pt x="1417" y="78"/>
                  </a:lnTo>
                  <a:lnTo>
                    <a:pt x="1626" y="108"/>
                  </a:lnTo>
                  <a:lnTo>
                    <a:pt x="1824" y="144"/>
                  </a:lnTo>
                  <a:lnTo>
                    <a:pt x="2009" y="180"/>
                  </a:lnTo>
                  <a:lnTo>
                    <a:pt x="2176" y="222"/>
                  </a:lnTo>
                  <a:lnTo>
                    <a:pt x="2326" y="264"/>
                  </a:lnTo>
                  <a:lnTo>
                    <a:pt x="2457" y="312"/>
                  </a:lnTo>
                  <a:lnTo>
                    <a:pt x="2571" y="360"/>
                  </a:lnTo>
                  <a:lnTo>
                    <a:pt x="2667" y="414"/>
                  </a:lnTo>
                  <a:lnTo>
                    <a:pt x="2750" y="468"/>
                  </a:lnTo>
                  <a:lnTo>
                    <a:pt x="2804" y="528"/>
                  </a:lnTo>
                  <a:lnTo>
                    <a:pt x="2846" y="587"/>
                  </a:lnTo>
                  <a:lnTo>
                    <a:pt x="2864" y="647"/>
                  </a:lnTo>
                  <a:lnTo>
                    <a:pt x="2864" y="713"/>
                  </a:lnTo>
                  <a:lnTo>
                    <a:pt x="2852" y="749"/>
                  </a:lnTo>
                  <a:lnTo>
                    <a:pt x="2840" y="785"/>
                  </a:lnTo>
                  <a:lnTo>
                    <a:pt x="2816" y="821"/>
                  </a:lnTo>
                  <a:lnTo>
                    <a:pt x="2792" y="857"/>
                  </a:lnTo>
                  <a:lnTo>
                    <a:pt x="2721" y="929"/>
                  </a:lnTo>
                  <a:lnTo>
                    <a:pt x="2625" y="1001"/>
                  </a:lnTo>
                  <a:lnTo>
                    <a:pt x="2505" y="1073"/>
                  </a:lnTo>
                  <a:lnTo>
                    <a:pt x="2368" y="1145"/>
                  </a:lnTo>
                  <a:lnTo>
                    <a:pt x="2212" y="1217"/>
                  </a:lnTo>
                  <a:lnTo>
                    <a:pt x="2033" y="1289"/>
                  </a:lnTo>
                  <a:lnTo>
                    <a:pt x="1842" y="1361"/>
                  </a:lnTo>
                  <a:lnTo>
                    <a:pt x="1626" y="1433"/>
                  </a:lnTo>
                  <a:lnTo>
                    <a:pt x="1393" y="1499"/>
                  </a:lnTo>
                  <a:lnTo>
                    <a:pt x="1142" y="1571"/>
                  </a:lnTo>
                  <a:lnTo>
                    <a:pt x="879" y="1636"/>
                  </a:lnTo>
                  <a:lnTo>
                    <a:pt x="604" y="1702"/>
                  </a:lnTo>
                  <a:lnTo>
                    <a:pt x="305" y="1768"/>
                  </a:lnTo>
                  <a:lnTo>
                    <a:pt x="0" y="1828"/>
                  </a:lnTo>
                  <a:lnTo>
                    <a:pt x="0" y="1846"/>
                  </a:lnTo>
                  <a:lnTo>
                    <a:pt x="311" y="1780"/>
                  </a:lnTo>
                  <a:lnTo>
                    <a:pt x="610" y="1714"/>
                  </a:lnTo>
                  <a:lnTo>
                    <a:pt x="897" y="1648"/>
                  </a:lnTo>
                  <a:lnTo>
                    <a:pt x="1166" y="1583"/>
                  </a:lnTo>
                  <a:lnTo>
                    <a:pt x="1417" y="1511"/>
                  </a:lnTo>
                  <a:lnTo>
                    <a:pt x="1656" y="1439"/>
                  </a:lnTo>
                  <a:lnTo>
                    <a:pt x="1871" y="1367"/>
                  </a:lnTo>
                  <a:lnTo>
                    <a:pt x="2075" y="1295"/>
                  </a:lnTo>
                  <a:lnTo>
                    <a:pt x="2254" y="1223"/>
                  </a:lnTo>
                  <a:lnTo>
                    <a:pt x="2416" y="1151"/>
                  </a:lnTo>
                  <a:lnTo>
                    <a:pt x="2559" y="1079"/>
                  </a:lnTo>
                  <a:lnTo>
                    <a:pt x="2679" y="1001"/>
                  </a:lnTo>
                  <a:lnTo>
                    <a:pt x="2774" y="929"/>
                  </a:lnTo>
                  <a:lnTo>
                    <a:pt x="2846" y="857"/>
                  </a:lnTo>
                  <a:lnTo>
                    <a:pt x="2876" y="815"/>
                  </a:lnTo>
                  <a:lnTo>
                    <a:pt x="2900" y="779"/>
                  </a:lnTo>
                  <a:lnTo>
                    <a:pt x="2912" y="743"/>
                  </a:lnTo>
                  <a:lnTo>
                    <a:pt x="2924" y="707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2" name="Freeform 12">
              <a:extLst>
                <a:ext uri="{FF2B5EF4-FFF2-40B4-BE49-F238E27FC236}">
                  <a16:creationId xmlns:a16="http://schemas.microsoft.com/office/drawing/2014/main" id="{B49E1794-C270-3D82-A530-A712D29A62B2}"/>
                </a:ext>
              </a:extLst>
            </p:cNvPr>
            <p:cNvSpPr>
              <a:spLocks/>
            </p:cNvSpPr>
            <p:nvPr/>
          </p:nvSpPr>
          <p:spPr bwMode="hidden">
            <a:xfrm>
              <a:off x="114" y="2847"/>
              <a:ext cx="1493" cy="204"/>
            </a:xfrm>
            <a:custGeom>
              <a:avLst/>
              <a:gdLst>
                <a:gd name="T0" fmla="*/ 1524 w 1488"/>
                <a:gd name="T1" fmla="*/ 204 h 204"/>
                <a:gd name="T2" fmla="*/ 0 w 1488"/>
                <a:gd name="T3" fmla="*/ 18 h 204"/>
                <a:gd name="T4" fmla="*/ 77 w 1488"/>
                <a:gd name="T5" fmla="*/ 0 h 204"/>
                <a:gd name="T6" fmla="*/ 1613 w 1488"/>
                <a:gd name="T7" fmla="*/ 186 h 204"/>
                <a:gd name="T8" fmla="*/ 1524 w 1488"/>
                <a:gd name="T9" fmla="*/ 204 h 204"/>
                <a:gd name="T10" fmla="*/ 1524 w 1488"/>
                <a:gd name="T11" fmla="*/ 204 h 204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488" h="204">
                  <a:moveTo>
                    <a:pt x="1399" y="204"/>
                  </a:moveTo>
                  <a:lnTo>
                    <a:pt x="0" y="18"/>
                  </a:lnTo>
                  <a:lnTo>
                    <a:pt x="77" y="0"/>
                  </a:lnTo>
                  <a:lnTo>
                    <a:pt x="1488" y="186"/>
                  </a:lnTo>
                  <a:lnTo>
                    <a:pt x="1399" y="204"/>
                  </a:lnTo>
                  <a:close/>
                </a:path>
              </a:pathLst>
            </a:custGeom>
            <a:solidFill>
              <a:schemeClr val="bg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3" name="Rectangle 13">
              <a:extLst>
                <a:ext uri="{FF2B5EF4-FFF2-40B4-BE49-F238E27FC236}">
                  <a16:creationId xmlns:a16="http://schemas.microsoft.com/office/drawing/2014/main" id="{1ADA49C9-8220-AD64-C0D4-0D0A7B8CF9C5}"/>
                </a:ext>
              </a:extLst>
            </p:cNvPr>
            <p:cNvSpPr>
              <a:spLocks noChangeArrowheads="1"/>
            </p:cNvSpPr>
            <p:nvPr/>
          </p:nvSpPr>
          <p:spPr bwMode="hidden">
            <a:xfrm>
              <a:off x="473" y="3105"/>
              <a:ext cx="1" cy="1"/>
            </a:xfrm>
            <a:prstGeom prst="rect">
              <a:avLst/>
            </a:prstGeom>
            <a:solidFill>
              <a:srgbClr val="141485"/>
            </a:solidFill>
            <a:ln>
              <a:noFill/>
            </a:ln>
          </p:spPr>
          <p:txBody>
            <a:bodyPr/>
            <a:lstStyle>
              <a:lvl1pPr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1pPr>
              <a:lvl2pPr marL="742950" indent="-28575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2pPr>
              <a:lvl3pPr marL="11430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3pPr>
              <a:lvl4pPr marL="16002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4pPr>
              <a:lvl5pPr marL="20574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9pPr>
            </a:lstStyle>
            <a:p>
              <a:pPr>
                <a:defRPr/>
              </a:pPr>
              <a:endParaRPr lang="en-US" altLang="en-US" sz="1800"/>
            </a:p>
          </p:txBody>
        </p:sp>
        <p:sp>
          <p:nvSpPr>
            <p:cNvPr id="14" name="Rectangle 14">
              <a:extLst>
                <a:ext uri="{FF2B5EF4-FFF2-40B4-BE49-F238E27FC236}">
                  <a16:creationId xmlns:a16="http://schemas.microsoft.com/office/drawing/2014/main" id="{CB17B125-C215-FE8D-A6C4-53C1F6D77C67}"/>
                </a:ext>
              </a:extLst>
            </p:cNvPr>
            <p:cNvSpPr>
              <a:spLocks noChangeArrowheads="1"/>
            </p:cNvSpPr>
            <p:nvPr/>
          </p:nvSpPr>
          <p:spPr bwMode="hidden">
            <a:xfrm>
              <a:off x="473" y="3105"/>
              <a:ext cx="1" cy="1"/>
            </a:xfrm>
            <a:prstGeom prst="rect">
              <a:avLst/>
            </a:prstGeom>
            <a:solidFill>
              <a:srgbClr val="141485"/>
            </a:solidFill>
            <a:ln>
              <a:noFill/>
            </a:ln>
          </p:spPr>
          <p:txBody>
            <a:bodyPr/>
            <a:lstStyle>
              <a:lvl1pPr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1pPr>
              <a:lvl2pPr marL="742950" indent="-28575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2pPr>
              <a:lvl3pPr marL="11430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3pPr>
              <a:lvl4pPr marL="16002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4pPr>
              <a:lvl5pPr marL="20574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9pPr>
            </a:lstStyle>
            <a:p>
              <a:pPr>
                <a:defRPr/>
              </a:pPr>
              <a:endParaRPr lang="en-US" altLang="en-US" sz="1800"/>
            </a:p>
          </p:txBody>
        </p:sp>
        <p:grpSp>
          <p:nvGrpSpPr>
            <p:cNvPr id="15" name="Group 15">
              <a:extLst>
                <a:ext uri="{FF2B5EF4-FFF2-40B4-BE49-F238E27FC236}">
                  <a16:creationId xmlns:a16="http://schemas.microsoft.com/office/drawing/2014/main" id="{1178C24F-C0EE-2804-A2B8-42A243F12B4A}"/>
                </a:ext>
              </a:extLst>
            </p:cNvPr>
            <p:cNvGrpSpPr>
              <a:grpSpLocks/>
            </p:cNvGrpSpPr>
            <p:nvPr/>
          </p:nvGrpSpPr>
          <p:grpSpPr bwMode="auto">
            <a:xfrm>
              <a:off x="192" y="2284"/>
              <a:ext cx="1254" cy="923"/>
              <a:chOff x="192" y="2284"/>
              <a:chExt cx="1254" cy="923"/>
            </a:xfrm>
          </p:grpSpPr>
          <p:sp>
            <p:nvSpPr>
              <p:cNvPr id="16" name="Freeform 16">
                <a:extLst>
                  <a:ext uri="{FF2B5EF4-FFF2-40B4-BE49-F238E27FC236}">
                    <a16:creationId xmlns:a16="http://schemas.microsoft.com/office/drawing/2014/main" id="{16C0B345-A9D5-E461-2DAF-FB65BE749D05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408" y="3009"/>
                <a:ext cx="47" cy="6"/>
              </a:xfrm>
              <a:custGeom>
                <a:avLst/>
                <a:gdLst>
                  <a:gd name="T0" fmla="*/ 47 w 47"/>
                  <a:gd name="T1" fmla="*/ 6 h 6"/>
                  <a:gd name="T2" fmla="*/ 0 w 47"/>
                  <a:gd name="T3" fmla="*/ 0 h 6"/>
                  <a:gd name="T4" fmla="*/ 0 w 47"/>
                  <a:gd name="T5" fmla="*/ 0 h 6"/>
                  <a:gd name="T6" fmla="*/ 47 w 47"/>
                  <a:gd name="T7" fmla="*/ 6 h 6"/>
                  <a:gd name="T8" fmla="*/ 47 w 47"/>
                  <a:gd name="T9" fmla="*/ 6 h 6"/>
                  <a:gd name="T10" fmla="*/ 47 w 47"/>
                  <a:gd name="T11" fmla="*/ 6 h 6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0" t="0" r="r" b="b"/>
                <a:pathLst>
                  <a:path w="47" h="6">
                    <a:moveTo>
                      <a:pt x="47" y="6"/>
                    </a:moveTo>
                    <a:lnTo>
                      <a:pt x="0" y="0"/>
                    </a:lnTo>
                    <a:lnTo>
                      <a:pt x="47" y="6"/>
                    </a:lnTo>
                    <a:close/>
                  </a:path>
                </a:pathLst>
              </a:custGeom>
              <a:solidFill>
                <a:srgbClr val="141485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7" name="Freeform 17">
                <a:extLst>
                  <a:ext uri="{FF2B5EF4-FFF2-40B4-BE49-F238E27FC236}">
                    <a16:creationId xmlns:a16="http://schemas.microsoft.com/office/drawing/2014/main" id="{A5D5883B-A56C-D68A-5FA8-E77BC909C22F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912" y="2284"/>
                <a:ext cx="324" cy="162"/>
              </a:xfrm>
              <a:custGeom>
                <a:avLst/>
                <a:gdLst>
                  <a:gd name="T0" fmla="*/ 0 w 323"/>
                  <a:gd name="T1" fmla="*/ 24 h 162"/>
                  <a:gd name="T2" fmla="*/ 6 w 323"/>
                  <a:gd name="T3" fmla="*/ 24 h 162"/>
                  <a:gd name="T4" fmla="*/ 12 w 323"/>
                  <a:gd name="T5" fmla="*/ 18 h 162"/>
                  <a:gd name="T6" fmla="*/ 48 w 323"/>
                  <a:gd name="T7" fmla="*/ 6 h 162"/>
                  <a:gd name="T8" fmla="*/ 101 w 323"/>
                  <a:gd name="T9" fmla="*/ 0 h 162"/>
                  <a:gd name="T10" fmla="*/ 137 w 323"/>
                  <a:gd name="T11" fmla="*/ 6 h 162"/>
                  <a:gd name="T12" fmla="*/ 198 w 323"/>
                  <a:gd name="T13" fmla="*/ 18 h 162"/>
                  <a:gd name="T14" fmla="*/ 264 w 323"/>
                  <a:gd name="T15" fmla="*/ 54 h 162"/>
                  <a:gd name="T16" fmla="*/ 312 w 323"/>
                  <a:gd name="T17" fmla="*/ 90 h 162"/>
                  <a:gd name="T18" fmla="*/ 342 w 323"/>
                  <a:gd name="T19" fmla="*/ 114 h 162"/>
                  <a:gd name="T20" fmla="*/ 348 w 323"/>
                  <a:gd name="T21" fmla="*/ 126 h 162"/>
                  <a:gd name="T22" fmla="*/ 348 w 323"/>
                  <a:gd name="T23" fmla="*/ 126 h 162"/>
                  <a:gd name="T24" fmla="*/ 246 w 323"/>
                  <a:gd name="T25" fmla="*/ 162 h 162"/>
                  <a:gd name="T26" fmla="*/ 0 w 323"/>
                  <a:gd name="T27" fmla="*/ 24 h 162"/>
                  <a:gd name="T28" fmla="*/ 0 w 323"/>
                  <a:gd name="T29" fmla="*/ 24 h 162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</a:gdLst>
                <a:ahLst/>
                <a:cxnLst>
                  <a:cxn ang="T30">
                    <a:pos x="T0" y="T1"/>
                  </a:cxn>
                  <a:cxn ang="T31">
                    <a:pos x="T2" y="T3"/>
                  </a:cxn>
                  <a:cxn ang="T32">
                    <a:pos x="T4" y="T5"/>
                  </a:cxn>
                  <a:cxn ang="T33">
                    <a:pos x="T6" y="T7"/>
                  </a:cxn>
                  <a:cxn ang="T34">
                    <a:pos x="T8" y="T9"/>
                  </a:cxn>
                  <a:cxn ang="T35">
                    <a:pos x="T10" y="T11"/>
                  </a:cxn>
                  <a:cxn ang="T36">
                    <a:pos x="T12" y="T13"/>
                  </a:cxn>
                  <a:cxn ang="T37">
                    <a:pos x="T14" y="T15"/>
                  </a:cxn>
                  <a:cxn ang="T38">
                    <a:pos x="T16" y="T17"/>
                  </a:cxn>
                  <a:cxn ang="T39">
                    <a:pos x="T18" y="T19"/>
                  </a:cxn>
                  <a:cxn ang="T40">
                    <a:pos x="T20" y="T21"/>
                  </a:cxn>
                  <a:cxn ang="T41">
                    <a:pos x="T22" y="T23"/>
                  </a:cxn>
                  <a:cxn ang="T42">
                    <a:pos x="T24" y="T25"/>
                  </a:cxn>
                  <a:cxn ang="T43">
                    <a:pos x="T26" y="T27"/>
                  </a:cxn>
                  <a:cxn ang="T44">
                    <a:pos x="T28" y="T29"/>
                  </a:cxn>
                </a:cxnLst>
                <a:rect l="0" t="0" r="r" b="b"/>
                <a:pathLst>
                  <a:path w="323" h="162">
                    <a:moveTo>
                      <a:pt x="0" y="24"/>
                    </a:moveTo>
                    <a:lnTo>
                      <a:pt x="6" y="24"/>
                    </a:lnTo>
                    <a:lnTo>
                      <a:pt x="12" y="18"/>
                    </a:lnTo>
                    <a:lnTo>
                      <a:pt x="48" y="6"/>
                    </a:lnTo>
                    <a:lnTo>
                      <a:pt x="101" y="0"/>
                    </a:lnTo>
                    <a:lnTo>
                      <a:pt x="137" y="6"/>
                    </a:lnTo>
                    <a:lnTo>
                      <a:pt x="173" y="18"/>
                    </a:lnTo>
                    <a:lnTo>
                      <a:pt x="239" y="54"/>
                    </a:lnTo>
                    <a:lnTo>
                      <a:pt x="287" y="90"/>
                    </a:lnTo>
                    <a:lnTo>
                      <a:pt x="317" y="114"/>
                    </a:lnTo>
                    <a:lnTo>
                      <a:pt x="323" y="126"/>
                    </a:lnTo>
                    <a:lnTo>
                      <a:pt x="221" y="162"/>
                    </a:lnTo>
                    <a:lnTo>
                      <a:pt x="0" y="24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8" name="Freeform 18">
                <a:extLst>
                  <a:ext uri="{FF2B5EF4-FFF2-40B4-BE49-F238E27FC236}">
                    <a16:creationId xmlns:a16="http://schemas.microsoft.com/office/drawing/2014/main" id="{DB1A513C-1B86-6B44-6C92-962C52D9ED4D}"/>
                  </a:ext>
                </a:extLst>
              </p:cNvPr>
              <p:cNvSpPr>
                <a:spLocks noEditPoints="1"/>
              </p:cNvSpPr>
              <p:nvPr/>
            </p:nvSpPr>
            <p:spPr bwMode="hidden">
              <a:xfrm>
                <a:off x="192" y="2284"/>
                <a:ext cx="1254" cy="923"/>
              </a:xfrm>
              <a:custGeom>
                <a:avLst/>
                <a:gdLst>
                  <a:gd name="T0" fmla="*/ 1266 w 1250"/>
                  <a:gd name="T1" fmla="*/ 641 h 923"/>
                  <a:gd name="T2" fmla="*/ 1266 w 1250"/>
                  <a:gd name="T3" fmla="*/ 473 h 923"/>
                  <a:gd name="T4" fmla="*/ 1236 w 1250"/>
                  <a:gd name="T5" fmla="*/ 384 h 923"/>
                  <a:gd name="T6" fmla="*/ 1212 w 1250"/>
                  <a:gd name="T7" fmla="*/ 288 h 923"/>
                  <a:gd name="T8" fmla="*/ 1139 w 1250"/>
                  <a:gd name="T9" fmla="*/ 174 h 923"/>
                  <a:gd name="T10" fmla="*/ 1056 w 1250"/>
                  <a:gd name="T11" fmla="*/ 96 h 923"/>
                  <a:gd name="T12" fmla="*/ 1038 w 1250"/>
                  <a:gd name="T13" fmla="*/ 72 h 923"/>
                  <a:gd name="T14" fmla="*/ 966 w 1250"/>
                  <a:gd name="T15" fmla="*/ 18 h 923"/>
                  <a:gd name="T16" fmla="*/ 894 w 1250"/>
                  <a:gd name="T17" fmla="*/ 6 h 923"/>
                  <a:gd name="T18" fmla="*/ 762 w 1250"/>
                  <a:gd name="T19" fmla="*/ 24 h 923"/>
                  <a:gd name="T20" fmla="*/ 714 w 1250"/>
                  <a:gd name="T21" fmla="*/ 42 h 923"/>
                  <a:gd name="T22" fmla="*/ 618 w 1250"/>
                  <a:gd name="T23" fmla="*/ 120 h 923"/>
                  <a:gd name="T24" fmla="*/ 582 w 1250"/>
                  <a:gd name="T25" fmla="*/ 228 h 923"/>
                  <a:gd name="T26" fmla="*/ 559 w 1250"/>
                  <a:gd name="T27" fmla="*/ 348 h 923"/>
                  <a:gd name="T28" fmla="*/ 456 w 1250"/>
                  <a:gd name="T29" fmla="*/ 479 h 923"/>
                  <a:gd name="T30" fmla="*/ 438 w 1250"/>
                  <a:gd name="T31" fmla="*/ 539 h 923"/>
                  <a:gd name="T32" fmla="*/ 378 w 1250"/>
                  <a:gd name="T33" fmla="*/ 599 h 923"/>
                  <a:gd name="T34" fmla="*/ 330 w 1250"/>
                  <a:gd name="T35" fmla="*/ 629 h 923"/>
                  <a:gd name="T36" fmla="*/ 318 w 1250"/>
                  <a:gd name="T37" fmla="*/ 635 h 923"/>
                  <a:gd name="T38" fmla="*/ 282 w 1250"/>
                  <a:gd name="T39" fmla="*/ 677 h 923"/>
                  <a:gd name="T40" fmla="*/ 150 w 1250"/>
                  <a:gd name="T41" fmla="*/ 797 h 923"/>
                  <a:gd name="T42" fmla="*/ 54 w 1250"/>
                  <a:gd name="T43" fmla="*/ 839 h 923"/>
                  <a:gd name="T44" fmla="*/ 156 w 1250"/>
                  <a:gd name="T45" fmla="*/ 905 h 923"/>
                  <a:gd name="T46" fmla="*/ 265 w 1250"/>
                  <a:gd name="T47" fmla="*/ 869 h 923"/>
                  <a:gd name="T48" fmla="*/ 690 w 1250"/>
                  <a:gd name="T49" fmla="*/ 827 h 923"/>
                  <a:gd name="T50" fmla="*/ 750 w 1250"/>
                  <a:gd name="T51" fmla="*/ 725 h 923"/>
                  <a:gd name="T52" fmla="*/ 744 w 1250"/>
                  <a:gd name="T53" fmla="*/ 611 h 923"/>
                  <a:gd name="T54" fmla="*/ 851 w 1250"/>
                  <a:gd name="T55" fmla="*/ 551 h 923"/>
                  <a:gd name="T56" fmla="*/ 954 w 1250"/>
                  <a:gd name="T57" fmla="*/ 449 h 923"/>
                  <a:gd name="T58" fmla="*/ 984 w 1250"/>
                  <a:gd name="T59" fmla="*/ 414 h 923"/>
                  <a:gd name="T60" fmla="*/ 1050 w 1250"/>
                  <a:gd name="T61" fmla="*/ 318 h 923"/>
                  <a:gd name="T62" fmla="*/ 1099 w 1250"/>
                  <a:gd name="T63" fmla="*/ 336 h 923"/>
                  <a:gd name="T64" fmla="*/ 1218 w 1250"/>
                  <a:gd name="T65" fmla="*/ 617 h 923"/>
                  <a:gd name="T66" fmla="*/ 1212 w 1250"/>
                  <a:gd name="T67" fmla="*/ 689 h 923"/>
                  <a:gd name="T68" fmla="*/ 1248 w 1250"/>
                  <a:gd name="T69" fmla="*/ 749 h 923"/>
                  <a:gd name="T70" fmla="*/ 1302 w 1250"/>
                  <a:gd name="T71" fmla="*/ 713 h 923"/>
                  <a:gd name="T72" fmla="*/ 1338 w 1250"/>
                  <a:gd name="T73" fmla="*/ 749 h 923"/>
                  <a:gd name="T74" fmla="*/ 1350 w 1250"/>
                  <a:gd name="T75" fmla="*/ 743 h 923"/>
                  <a:gd name="T76" fmla="*/ 744 w 1250"/>
                  <a:gd name="T77" fmla="*/ 264 h 923"/>
                  <a:gd name="T78" fmla="*/ 859 w 1250"/>
                  <a:gd name="T79" fmla="*/ 372 h 923"/>
                  <a:gd name="T80" fmla="*/ 833 w 1250"/>
                  <a:gd name="T81" fmla="*/ 443 h 923"/>
                  <a:gd name="T82" fmla="*/ 756 w 1250"/>
                  <a:gd name="T83" fmla="*/ 515 h 923"/>
                  <a:gd name="T84" fmla="*/ 708 w 1250"/>
                  <a:gd name="T85" fmla="*/ 569 h 923"/>
                  <a:gd name="T86" fmla="*/ 666 w 1250"/>
                  <a:gd name="T87" fmla="*/ 593 h 923"/>
                  <a:gd name="T88" fmla="*/ 624 w 1250"/>
                  <a:gd name="T89" fmla="*/ 617 h 923"/>
                  <a:gd name="T90" fmla="*/ 612 w 1250"/>
                  <a:gd name="T91" fmla="*/ 707 h 923"/>
                  <a:gd name="T92" fmla="*/ 378 w 1250"/>
                  <a:gd name="T93" fmla="*/ 755 h 923"/>
                  <a:gd name="T94" fmla="*/ 414 w 1250"/>
                  <a:gd name="T95" fmla="*/ 641 h 923"/>
                  <a:gd name="T96" fmla="*/ 450 w 1250"/>
                  <a:gd name="T97" fmla="*/ 647 h 923"/>
                  <a:gd name="T98" fmla="*/ 468 w 1250"/>
                  <a:gd name="T99" fmla="*/ 617 h 923"/>
                  <a:gd name="T100" fmla="*/ 618 w 1250"/>
                  <a:gd name="T101" fmla="*/ 515 h 923"/>
                  <a:gd name="T102" fmla="*/ 666 w 1250"/>
                  <a:gd name="T103" fmla="*/ 473 h 923"/>
                  <a:gd name="T104" fmla="*/ 690 w 1250"/>
                  <a:gd name="T105" fmla="*/ 396 h 923"/>
                  <a:gd name="T106" fmla="*/ 690 w 1250"/>
                  <a:gd name="T107" fmla="*/ 378 h 923"/>
                  <a:gd name="T108" fmla="*/ 714 w 1250"/>
                  <a:gd name="T109" fmla="*/ 270 h 923"/>
                  <a:gd name="T110" fmla="*/ 732 w 1250"/>
                  <a:gd name="T111" fmla="*/ 192 h 923"/>
                  <a:gd name="T112" fmla="*/ 744 w 1250"/>
                  <a:gd name="T113" fmla="*/ 264 h 923"/>
                  <a:gd name="T114" fmla="*/ 582 w 1250"/>
                  <a:gd name="T115" fmla="*/ 455 h 923"/>
                  <a:gd name="T116" fmla="*/ 684 w 1250"/>
                  <a:gd name="T117" fmla="*/ 803 h 923"/>
                  <a:gd name="T118" fmla="*/ 0 60000 65536"/>
                  <a:gd name="T119" fmla="*/ 0 60000 65536"/>
                  <a:gd name="T120" fmla="*/ 0 60000 65536"/>
                  <a:gd name="T121" fmla="*/ 0 60000 65536"/>
                  <a:gd name="T122" fmla="*/ 0 60000 65536"/>
                  <a:gd name="T123" fmla="*/ 0 60000 65536"/>
                  <a:gd name="T124" fmla="*/ 0 60000 65536"/>
                  <a:gd name="T125" fmla="*/ 0 60000 65536"/>
                  <a:gd name="T126" fmla="*/ 0 60000 65536"/>
                  <a:gd name="T127" fmla="*/ 0 60000 65536"/>
                  <a:gd name="T128" fmla="*/ 0 60000 65536"/>
                  <a:gd name="T129" fmla="*/ 0 60000 65536"/>
                  <a:gd name="T130" fmla="*/ 0 60000 65536"/>
                  <a:gd name="T131" fmla="*/ 0 60000 65536"/>
                  <a:gd name="T132" fmla="*/ 0 60000 65536"/>
                  <a:gd name="T133" fmla="*/ 0 60000 65536"/>
                  <a:gd name="T134" fmla="*/ 0 60000 65536"/>
                  <a:gd name="T135" fmla="*/ 0 60000 65536"/>
                  <a:gd name="T136" fmla="*/ 0 60000 65536"/>
                  <a:gd name="T137" fmla="*/ 0 60000 65536"/>
                  <a:gd name="T138" fmla="*/ 0 60000 65536"/>
                  <a:gd name="T139" fmla="*/ 0 60000 65536"/>
                  <a:gd name="T140" fmla="*/ 0 60000 65536"/>
                  <a:gd name="T141" fmla="*/ 0 60000 65536"/>
                  <a:gd name="T142" fmla="*/ 0 60000 65536"/>
                  <a:gd name="T143" fmla="*/ 0 60000 65536"/>
                  <a:gd name="T144" fmla="*/ 0 60000 65536"/>
                  <a:gd name="T145" fmla="*/ 0 60000 65536"/>
                  <a:gd name="T146" fmla="*/ 0 60000 65536"/>
                  <a:gd name="T147" fmla="*/ 0 60000 65536"/>
                  <a:gd name="T148" fmla="*/ 0 60000 65536"/>
                  <a:gd name="T149" fmla="*/ 0 60000 65536"/>
                  <a:gd name="T150" fmla="*/ 0 60000 65536"/>
                  <a:gd name="T151" fmla="*/ 0 60000 65536"/>
                  <a:gd name="T152" fmla="*/ 0 60000 65536"/>
                  <a:gd name="T153" fmla="*/ 0 60000 65536"/>
                  <a:gd name="T154" fmla="*/ 0 60000 65536"/>
                  <a:gd name="T155" fmla="*/ 0 60000 65536"/>
                  <a:gd name="T156" fmla="*/ 0 60000 65536"/>
                  <a:gd name="T157" fmla="*/ 0 60000 65536"/>
                  <a:gd name="T158" fmla="*/ 0 60000 65536"/>
                  <a:gd name="T159" fmla="*/ 0 60000 65536"/>
                  <a:gd name="T160" fmla="*/ 0 60000 65536"/>
                  <a:gd name="T161" fmla="*/ 0 60000 65536"/>
                  <a:gd name="T162" fmla="*/ 0 60000 65536"/>
                  <a:gd name="T163" fmla="*/ 0 60000 65536"/>
                  <a:gd name="T164" fmla="*/ 0 60000 65536"/>
                  <a:gd name="T165" fmla="*/ 0 60000 65536"/>
                  <a:gd name="T166" fmla="*/ 0 60000 65536"/>
                  <a:gd name="T167" fmla="*/ 0 60000 65536"/>
                  <a:gd name="T168" fmla="*/ 0 60000 65536"/>
                  <a:gd name="T169" fmla="*/ 0 60000 65536"/>
                  <a:gd name="T170" fmla="*/ 0 60000 65536"/>
                  <a:gd name="T171" fmla="*/ 0 60000 65536"/>
                  <a:gd name="T172" fmla="*/ 0 60000 65536"/>
                  <a:gd name="T173" fmla="*/ 0 60000 65536"/>
                  <a:gd name="T174" fmla="*/ 0 60000 65536"/>
                  <a:gd name="T175" fmla="*/ 0 60000 65536"/>
                  <a:gd name="T176" fmla="*/ 0 60000 65536"/>
                </a:gdLst>
                <a:ahLst/>
                <a:cxnLst>
                  <a:cxn ang="T118">
                    <a:pos x="T0" y="T1"/>
                  </a:cxn>
                  <a:cxn ang="T119">
                    <a:pos x="T2" y="T3"/>
                  </a:cxn>
                  <a:cxn ang="T120">
                    <a:pos x="T4" y="T5"/>
                  </a:cxn>
                  <a:cxn ang="T121">
                    <a:pos x="T6" y="T7"/>
                  </a:cxn>
                  <a:cxn ang="T122">
                    <a:pos x="T8" y="T9"/>
                  </a:cxn>
                  <a:cxn ang="T123">
                    <a:pos x="T10" y="T11"/>
                  </a:cxn>
                  <a:cxn ang="T124">
                    <a:pos x="T12" y="T13"/>
                  </a:cxn>
                  <a:cxn ang="T125">
                    <a:pos x="T14" y="T15"/>
                  </a:cxn>
                  <a:cxn ang="T126">
                    <a:pos x="T16" y="T17"/>
                  </a:cxn>
                  <a:cxn ang="T127">
                    <a:pos x="T18" y="T19"/>
                  </a:cxn>
                  <a:cxn ang="T128">
                    <a:pos x="T20" y="T21"/>
                  </a:cxn>
                  <a:cxn ang="T129">
                    <a:pos x="T22" y="T23"/>
                  </a:cxn>
                  <a:cxn ang="T130">
                    <a:pos x="T24" y="T25"/>
                  </a:cxn>
                  <a:cxn ang="T131">
                    <a:pos x="T26" y="T27"/>
                  </a:cxn>
                  <a:cxn ang="T132">
                    <a:pos x="T28" y="T29"/>
                  </a:cxn>
                  <a:cxn ang="T133">
                    <a:pos x="T30" y="T31"/>
                  </a:cxn>
                  <a:cxn ang="T134">
                    <a:pos x="T32" y="T33"/>
                  </a:cxn>
                  <a:cxn ang="T135">
                    <a:pos x="T34" y="T35"/>
                  </a:cxn>
                  <a:cxn ang="T136">
                    <a:pos x="T36" y="T37"/>
                  </a:cxn>
                  <a:cxn ang="T137">
                    <a:pos x="T38" y="T39"/>
                  </a:cxn>
                  <a:cxn ang="T138">
                    <a:pos x="T40" y="T41"/>
                  </a:cxn>
                  <a:cxn ang="T139">
                    <a:pos x="T42" y="T43"/>
                  </a:cxn>
                  <a:cxn ang="T140">
                    <a:pos x="T44" y="T45"/>
                  </a:cxn>
                  <a:cxn ang="T141">
                    <a:pos x="T46" y="T47"/>
                  </a:cxn>
                  <a:cxn ang="T142">
                    <a:pos x="T48" y="T49"/>
                  </a:cxn>
                  <a:cxn ang="T143">
                    <a:pos x="T50" y="T51"/>
                  </a:cxn>
                  <a:cxn ang="T144">
                    <a:pos x="T52" y="T53"/>
                  </a:cxn>
                  <a:cxn ang="T145">
                    <a:pos x="T54" y="T55"/>
                  </a:cxn>
                  <a:cxn ang="T146">
                    <a:pos x="T56" y="T57"/>
                  </a:cxn>
                  <a:cxn ang="T147">
                    <a:pos x="T58" y="T59"/>
                  </a:cxn>
                  <a:cxn ang="T148">
                    <a:pos x="T60" y="T61"/>
                  </a:cxn>
                  <a:cxn ang="T149">
                    <a:pos x="T62" y="T63"/>
                  </a:cxn>
                  <a:cxn ang="T150">
                    <a:pos x="T64" y="T65"/>
                  </a:cxn>
                  <a:cxn ang="T151">
                    <a:pos x="T66" y="T67"/>
                  </a:cxn>
                  <a:cxn ang="T152">
                    <a:pos x="T68" y="T69"/>
                  </a:cxn>
                  <a:cxn ang="T153">
                    <a:pos x="T70" y="T71"/>
                  </a:cxn>
                  <a:cxn ang="T154">
                    <a:pos x="T72" y="T73"/>
                  </a:cxn>
                  <a:cxn ang="T155">
                    <a:pos x="T74" y="T75"/>
                  </a:cxn>
                  <a:cxn ang="T156">
                    <a:pos x="T76" y="T77"/>
                  </a:cxn>
                  <a:cxn ang="T157">
                    <a:pos x="T78" y="T79"/>
                  </a:cxn>
                  <a:cxn ang="T158">
                    <a:pos x="T80" y="T81"/>
                  </a:cxn>
                  <a:cxn ang="T159">
                    <a:pos x="T82" y="T83"/>
                  </a:cxn>
                  <a:cxn ang="T160">
                    <a:pos x="T84" y="T85"/>
                  </a:cxn>
                  <a:cxn ang="T161">
                    <a:pos x="T86" y="T87"/>
                  </a:cxn>
                  <a:cxn ang="T162">
                    <a:pos x="T88" y="T89"/>
                  </a:cxn>
                  <a:cxn ang="T163">
                    <a:pos x="T90" y="T91"/>
                  </a:cxn>
                  <a:cxn ang="T164">
                    <a:pos x="T92" y="T93"/>
                  </a:cxn>
                  <a:cxn ang="T165">
                    <a:pos x="T94" y="T95"/>
                  </a:cxn>
                  <a:cxn ang="T166">
                    <a:pos x="T96" y="T97"/>
                  </a:cxn>
                  <a:cxn ang="T167">
                    <a:pos x="T98" y="T99"/>
                  </a:cxn>
                  <a:cxn ang="T168">
                    <a:pos x="T100" y="T101"/>
                  </a:cxn>
                  <a:cxn ang="T169">
                    <a:pos x="T102" y="T103"/>
                  </a:cxn>
                  <a:cxn ang="T170">
                    <a:pos x="T104" y="T105"/>
                  </a:cxn>
                  <a:cxn ang="T171">
                    <a:pos x="T106" y="T107"/>
                  </a:cxn>
                  <a:cxn ang="T172">
                    <a:pos x="T108" y="T109"/>
                  </a:cxn>
                  <a:cxn ang="T173">
                    <a:pos x="T110" y="T111"/>
                  </a:cxn>
                  <a:cxn ang="T174">
                    <a:pos x="T112" y="T113"/>
                  </a:cxn>
                  <a:cxn ang="T175">
                    <a:pos x="T114" y="T115"/>
                  </a:cxn>
                  <a:cxn ang="T176">
                    <a:pos x="T116" y="T117"/>
                  </a:cxn>
                </a:cxnLst>
                <a:rect l="0" t="0" r="r" b="b"/>
                <a:pathLst>
                  <a:path w="1250" h="923">
                    <a:moveTo>
                      <a:pt x="1244" y="713"/>
                    </a:moveTo>
                    <a:lnTo>
                      <a:pt x="1214" y="683"/>
                    </a:lnTo>
                    <a:lnTo>
                      <a:pt x="1166" y="653"/>
                    </a:lnTo>
                    <a:lnTo>
                      <a:pt x="1166" y="641"/>
                    </a:lnTo>
                    <a:lnTo>
                      <a:pt x="1172" y="617"/>
                    </a:lnTo>
                    <a:lnTo>
                      <a:pt x="1172" y="581"/>
                    </a:lnTo>
                    <a:lnTo>
                      <a:pt x="1172" y="545"/>
                    </a:lnTo>
                    <a:lnTo>
                      <a:pt x="1172" y="509"/>
                    </a:lnTo>
                    <a:lnTo>
                      <a:pt x="1166" y="473"/>
                    </a:lnTo>
                    <a:lnTo>
                      <a:pt x="1154" y="443"/>
                    </a:lnTo>
                    <a:lnTo>
                      <a:pt x="1148" y="431"/>
                    </a:lnTo>
                    <a:lnTo>
                      <a:pt x="1142" y="425"/>
                    </a:lnTo>
                    <a:lnTo>
                      <a:pt x="1142" y="408"/>
                    </a:lnTo>
                    <a:lnTo>
                      <a:pt x="1136" y="384"/>
                    </a:lnTo>
                    <a:lnTo>
                      <a:pt x="1130" y="354"/>
                    </a:lnTo>
                    <a:lnTo>
                      <a:pt x="1118" y="324"/>
                    </a:lnTo>
                    <a:lnTo>
                      <a:pt x="1106" y="300"/>
                    </a:lnTo>
                    <a:lnTo>
                      <a:pt x="1112" y="294"/>
                    </a:lnTo>
                    <a:lnTo>
                      <a:pt x="1112" y="288"/>
                    </a:lnTo>
                    <a:lnTo>
                      <a:pt x="1112" y="270"/>
                    </a:lnTo>
                    <a:lnTo>
                      <a:pt x="1106" y="252"/>
                    </a:lnTo>
                    <a:lnTo>
                      <a:pt x="1083" y="210"/>
                    </a:lnTo>
                    <a:lnTo>
                      <a:pt x="1059" y="180"/>
                    </a:lnTo>
                    <a:lnTo>
                      <a:pt x="1053" y="174"/>
                    </a:lnTo>
                    <a:lnTo>
                      <a:pt x="1047" y="168"/>
                    </a:lnTo>
                    <a:lnTo>
                      <a:pt x="1041" y="126"/>
                    </a:lnTo>
                    <a:lnTo>
                      <a:pt x="1017" y="114"/>
                    </a:lnTo>
                    <a:lnTo>
                      <a:pt x="987" y="90"/>
                    </a:lnTo>
                    <a:lnTo>
                      <a:pt x="981" y="96"/>
                    </a:lnTo>
                    <a:lnTo>
                      <a:pt x="981" y="102"/>
                    </a:lnTo>
                    <a:lnTo>
                      <a:pt x="975" y="120"/>
                    </a:lnTo>
                    <a:lnTo>
                      <a:pt x="975" y="108"/>
                    </a:lnTo>
                    <a:lnTo>
                      <a:pt x="969" y="90"/>
                    </a:lnTo>
                    <a:lnTo>
                      <a:pt x="963" y="72"/>
                    </a:lnTo>
                    <a:lnTo>
                      <a:pt x="963" y="66"/>
                    </a:lnTo>
                    <a:lnTo>
                      <a:pt x="933" y="42"/>
                    </a:lnTo>
                    <a:lnTo>
                      <a:pt x="921" y="36"/>
                    </a:lnTo>
                    <a:lnTo>
                      <a:pt x="915" y="30"/>
                    </a:lnTo>
                    <a:lnTo>
                      <a:pt x="891" y="18"/>
                    </a:lnTo>
                    <a:lnTo>
                      <a:pt x="885" y="18"/>
                    </a:lnTo>
                    <a:lnTo>
                      <a:pt x="867" y="18"/>
                    </a:lnTo>
                    <a:lnTo>
                      <a:pt x="855" y="18"/>
                    </a:lnTo>
                    <a:lnTo>
                      <a:pt x="849" y="18"/>
                    </a:lnTo>
                    <a:lnTo>
                      <a:pt x="819" y="6"/>
                    </a:lnTo>
                    <a:lnTo>
                      <a:pt x="796" y="0"/>
                    </a:lnTo>
                    <a:lnTo>
                      <a:pt x="772" y="6"/>
                    </a:lnTo>
                    <a:lnTo>
                      <a:pt x="754" y="18"/>
                    </a:lnTo>
                    <a:lnTo>
                      <a:pt x="730" y="18"/>
                    </a:lnTo>
                    <a:lnTo>
                      <a:pt x="712" y="24"/>
                    </a:lnTo>
                    <a:lnTo>
                      <a:pt x="700" y="30"/>
                    </a:lnTo>
                    <a:lnTo>
                      <a:pt x="694" y="30"/>
                    </a:lnTo>
                    <a:lnTo>
                      <a:pt x="688" y="30"/>
                    </a:lnTo>
                    <a:lnTo>
                      <a:pt x="664" y="42"/>
                    </a:lnTo>
                    <a:lnTo>
                      <a:pt x="628" y="60"/>
                    </a:lnTo>
                    <a:lnTo>
                      <a:pt x="586" y="90"/>
                    </a:lnTo>
                    <a:lnTo>
                      <a:pt x="574" y="108"/>
                    </a:lnTo>
                    <a:lnTo>
                      <a:pt x="562" y="120"/>
                    </a:lnTo>
                    <a:lnTo>
                      <a:pt x="568" y="120"/>
                    </a:lnTo>
                    <a:lnTo>
                      <a:pt x="568" y="114"/>
                    </a:lnTo>
                    <a:lnTo>
                      <a:pt x="550" y="150"/>
                    </a:lnTo>
                    <a:lnTo>
                      <a:pt x="538" y="192"/>
                    </a:lnTo>
                    <a:lnTo>
                      <a:pt x="532" y="216"/>
                    </a:lnTo>
                    <a:lnTo>
                      <a:pt x="532" y="228"/>
                    </a:lnTo>
                    <a:lnTo>
                      <a:pt x="527" y="246"/>
                    </a:lnTo>
                    <a:lnTo>
                      <a:pt x="521" y="276"/>
                    </a:lnTo>
                    <a:lnTo>
                      <a:pt x="515" y="312"/>
                    </a:lnTo>
                    <a:lnTo>
                      <a:pt x="509" y="348"/>
                    </a:lnTo>
                    <a:lnTo>
                      <a:pt x="473" y="390"/>
                    </a:lnTo>
                    <a:lnTo>
                      <a:pt x="473" y="396"/>
                    </a:lnTo>
                    <a:lnTo>
                      <a:pt x="467" y="402"/>
                    </a:lnTo>
                    <a:lnTo>
                      <a:pt x="449" y="437"/>
                    </a:lnTo>
                    <a:lnTo>
                      <a:pt x="431" y="479"/>
                    </a:lnTo>
                    <a:lnTo>
                      <a:pt x="419" y="521"/>
                    </a:lnTo>
                    <a:lnTo>
                      <a:pt x="413" y="527"/>
                    </a:lnTo>
                    <a:lnTo>
                      <a:pt x="413" y="533"/>
                    </a:lnTo>
                    <a:lnTo>
                      <a:pt x="413" y="539"/>
                    </a:lnTo>
                    <a:lnTo>
                      <a:pt x="353" y="599"/>
                    </a:lnTo>
                    <a:lnTo>
                      <a:pt x="347" y="599"/>
                    </a:lnTo>
                    <a:lnTo>
                      <a:pt x="341" y="599"/>
                    </a:lnTo>
                    <a:lnTo>
                      <a:pt x="335" y="611"/>
                    </a:lnTo>
                    <a:lnTo>
                      <a:pt x="311" y="629"/>
                    </a:lnTo>
                    <a:lnTo>
                      <a:pt x="305" y="629"/>
                    </a:lnTo>
                    <a:lnTo>
                      <a:pt x="299" y="629"/>
                    </a:lnTo>
                    <a:lnTo>
                      <a:pt x="299" y="635"/>
                    </a:lnTo>
                    <a:lnTo>
                      <a:pt x="293" y="635"/>
                    </a:lnTo>
                    <a:lnTo>
                      <a:pt x="257" y="659"/>
                    </a:lnTo>
                    <a:lnTo>
                      <a:pt x="257" y="665"/>
                    </a:lnTo>
                    <a:lnTo>
                      <a:pt x="257" y="677"/>
                    </a:lnTo>
                    <a:lnTo>
                      <a:pt x="257" y="701"/>
                    </a:lnTo>
                    <a:lnTo>
                      <a:pt x="257" y="719"/>
                    </a:lnTo>
                    <a:lnTo>
                      <a:pt x="257" y="731"/>
                    </a:lnTo>
                    <a:lnTo>
                      <a:pt x="216" y="725"/>
                    </a:lnTo>
                    <a:lnTo>
                      <a:pt x="150" y="797"/>
                    </a:lnTo>
                    <a:lnTo>
                      <a:pt x="150" y="827"/>
                    </a:lnTo>
                    <a:lnTo>
                      <a:pt x="174" y="827"/>
                    </a:lnTo>
                    <a:lnTo>
                      <a:pt x="114" y="845"/>
                    </a:lnTo>
                    <a:lnTo>
                      <a:pt x="108" y="851"/>
                    </a:lnTo>
                    <a:lnTo>
                      <a:pt x="54" y="839"/>
                    </a:lnTo>
                    <a:lnTo>
                      <a:pt x="0" y="857"/>
                    </a:lnTo>
                    <a:lnTo>
                      <a:pt x="0" y="875"/>
                    </a:lnTo>
                    <a:lnTo>
                      <a:pt x="102" y="893"/>
                    </a:lnTo>
                    <a:lnTo>
                      <a:pt x="96" y="893"/>
                    </a:lnTo>
                    <a:lnTo>
                      <a:pt x="156" y="905"/>
                    </a:lnTo>
                    <a:lnTo>
                      <a:pt x="168" y="899"/>
                    </a:lnTo>
                    <a:lnTo>
                      <a:pt x="311" y="923"/>
                    </a:lnTo>
                    <a:lnTo>
                      <a:pt x="365" y="911"/>
                    </a:lnTo>
                    <a:lnTo>
                      <a:pt x="371" y="887"/>
                    </a:lnTo>
                    <a:lnTo>
                      <a:pt x="240" y="869"/>
                    </a:lnTo>
                    <a:lnTo>
                      <a:pt x="240" y="863"/>
                    </a:lnTo>
                    <a:lnTo>
                      <a:pt x="497" y="791"/>
                    </a:lnTo>
                    <a:lnTo>
                      <a:pt x="503" y="809"/>
                    </a:lnTo>
                    <a:lnTo>
                      <a:pt x="640" y="827"/>
                    </a:lnTo>
                    <a:lnTo>
                      <a:pt x="700" y="725"/>
                    </a:lnTo>
                    <a:lnTo>
                      <a:pt x="658" y="719"/>
                    </a:lnTo>
                    <a:lnTo>
                      <a:pt x="664" y="653"/>
                    </a:lnTo>
                    <a:lnTo>
                      <a:pt x="670" y="623"/>
                    </a:lnTo>
                    <a:lnTo>
                      <a:pt x="694" y="611"/>
                    </a:lnTo>
                    <a:lnTo>
                      <a:pt x="694" y="605"/>
                    </a:lnTo>
                    <a:lnTo>
                      <a:pt x="718" y="587"/>
                    </a:lnTo>
                    <a:lnTo>
                      <a:pt x="748" y="569"/>
                    </a:lnTo>
                    <a:lnTo>
                      <a:pt x="778" y="551"/>
                    </a:lnTo>
                    <a:lnTo>
                      <a:pt x="796" y="533"/>
                    </a:lnTo>
                    <a:lnTo>
                      <a:pt x="819" y="515"/>
                    </a:lnTo>
                    <a:lnTo>
                      <a:pt x="843" y="497"/>
                    </a:lnTo>
                    <a:lnTo>
                      <a:pt x="867" y="467"/>
                    </a:lnTo>
                    <a:lnTo>
                      <a:pt x="879" y="449"/>
                    </a:lnTo>
                    <a:lnTo>
                      <a:pt x="879" y="443"/>
                    </a:lnTo>
                    <a:lnTo>
                      <a:pt x="885" y="443"/>
                    </a:lnTo>
                    <a:lnTo>
                      <a:pt x="891" y="431"/>
                    </a:lnTo>
                    <a:lnTo>
                      <a:pt x="903" y="425"/>
                    </a:lnTo>
                    <a:lnTo>
                      <a:pt x="909" y="414"/>
                    </a:lnTo>
                    <a:lnTo>
                      <a:pt x="909" y="390"/>
                    </a:lnTo>
                    <a:lnTo>
                      <a:pt x="903" y="360"/>
                    </a:lnTo>
                    <a:lnTo>
                      <a:pt x="927" y="348"/>
                    </a:lnTo>
                    <a:lnTo>
                      <a:pt x="951" y="330"/>
                    </a:lnTo>
                    <a:lnTo>
                      <a:pt x="975" y="318"/>
                    </a:lnTo>
                    <a:lnTo>
                      <a:pt x="993" y="300"/>
                    </a:lnTo>
                    <a:lnTo>
                      <a:pt x="999" y="306"/>
                    </a:lnTo>
                    <a:lnTo>
                      <a:pt x="1011" y="306"/>
                    </a:lnTo>
                    <a:lnTo>
                      <a:pt x="1023" y="336"/>
                    </a:lnTo>
                    <a:lnTo>
                      <a:pt x="1071" y="449"/>
                    </a:lnTo>
                    <a:lnTo>
                      <a:pt x="1071" y="467"/>
                    </a:lnTo>
                    <a:lnTo>
                      <a:pt x="1077" y="497"/>
                    </a:lnTo>
                    <a:lnTo>
                      <a:pt x="1101" y="563"/>
                    </a:lnTo>
                    <a:lnTo>
                      <a:pt x="1118" y="617"/>
                    </a:lnTo>
                    <a:lnTo>
                      <a:pt x="1124" y="641"/>
                    </a:lnTo>
                    <a:lnTo>
                      <a:pt x="1124" y="653"/>
                    </a:lnTo>
                    <a:lnTo>
                      <a:pt x="1118" y="659"/>
                    </a:lnTo>
                    <a:lnTo>
                      <a:pt x="1112" y="671"/>
                    </a:lnTo>
                    <a:lnTo>
                      <a:pt x="1112" y="689"/>
                    </a:lnTo>
                    <a:lnTo>
                      <a:pt x="1118" y="701"/>
                    </a:lnTo>
                    <a:lnTo>
                      <a:pt x="1124" y="719"/>
                    </a:lnTo>
                    <a:lnTo>
                      <a:pt x="1130" y="737"/>
                    </a:lnTo>
                    <a:lnTo>
                      <a:pt x="1136" y="749"/>
                    </a:lnTo>
                    <a:lnTo>
                      <a:pt x="1148" y="749"/>
                    </a:lnTo>
                    <a:lnTo>
                      <a:pt x="1154" y="743"/>
                    </a:lnTo>
                    <a:lnTo>
                      <a:pt x="1154" y="725"/>
                    </a:lnTo>
                    <a:lnTo>
                      <a:pt x="1148" y="707"/>
                    </a:lnTo>
                    <a:lnTo>
                      <a:pt x="1148" y="701"/>
                    </a:lnTo>
                    <a:lnTo>
                      <a:pt x="1202" y="713"/>
                    </a:lnTo>
                    <a:lnTo>
                      <a:pt x="1208" y="719"/>
                    </a:lnTo>
                    <a:lnTo>
                      <a:pt x="1214" y="737"/>
                    </a:lnTo>
                    <a:lnTo>
                      <a:pt x="1220" y="749"/>
                    </a:lnTo>
                    <a:lnTo>
                      <a:pt x="1232" y="755"/>
                    </a:lnTo>
                    <a:lnTo>
                      <a:pt x="1238" y="749"/>
                    </a:lnTo>
                    <a:lnTo>
                      <a:pt x="1232" y="737"/>
                    </a:lnTo>
                    <a:lnTo>
                      <a:pt x="1238" y="749"/>
                    </a:lnTo>
                    <a:lnTo>
                      <a:pt x="1244" y="755"/>
                    </a:lnTo>
                    <a:lnTo>
                      <a:pt x="1250" y="749"/>
                    </a:lnTo>
                    <a:lnTo>
                      <a:pt x="1250" y="743"/>
                    </a:lnTo>
                    <a:lnTo>
                      <a:pt x="1250" y="731"/>
                    </a:lnTo>
                    <a:lnTo>
                      <a:pt x="1244" y="719"/>
                    </a:lnTo>
                    <a:lnTo>
                      <a:pt x="1244" y="713"/>
                    </a:lnTo>
                    <a:close/>
                    <a:moveTo>
                      <a:pt x="694" y="264"/>
                    </a:moveTo>
                    <a:lnTo>
                      <a:pt x="700" y="276"/>
                    </a:lnTo>
                    <a:lnTo>
                      <a:pt x="712" y="288"/>
                    </a:lnTo>
                    <a:lnTo>
                      <a:pt x="742" y="330"/>
                    </a:lnTo>
                    <a:lnTo>
                      <a:pt x="778" y="360"/>
                    </a:lnTo>
                    <a:lnTo>
                      <a:pt x="784" y="372"/>
                    </a:lnTo>
                    <a:lnTo>
                      <a:pt x="790" y="378"/>
                    </a:lnTo>
                    <a:lnTo>
                      <a:pt x="796" y="384"/>
                    </a:lnTo>
                    <a:lnTo>
                      <a:pt x="790" y="431"/>
                    </a:lnTo>
                    <a:lnTo>
                      <a:pt x="766" y="443"/>
                    </a:lnTo>
                    <a:lnTo>
                      <a:pt x="748" y="461"/>
                    </a:lnTo>
                    <a:lnTo>
                      <a:pt x="724" y="485"/>
                    </a:lnTo>
                    <a:lnTo>
                      <a:pt x="712" y="503"/>
                    </a:lnTo>
                    <a:lnTo>
                      <a:pt x="712" y="509"/>
                    </a:lnTo>
                    <a:lnTo>
                      <a:pt x="706" y="515"/>
                    </a:lnTo>
                    <a:lnTo>
                      <a:pt x="688" y="533"/>
                    </a:lnTo>
                    <a:lnTo>
                      <a:pt x="670" y="551"/>
                    </a:lnTo>
                    <a:lnTo>
                      <a:pt x="658" y="563"/>
                    </a:lnTo>
                    <a:lnTo>
                      <a:pt x="658" y="569"/>
                    </a:lnTo>
                    <a:lnTo>
                      <a:pt x="652" y="569"/>
                    </a:lnTo>
                    <a:lnTo>
                      <a:pt x="652" y="575"/>
                    </a:lnTo>
                    <a:lnTo>
                      <a:pt x="640" y="581"/>
                    </a:lnTo>
                    <a:lnTo>
                      <a:pt x="616" y="593"/>
                    </a:lnTo>
                    <a:lnTo>
                      <a:pt x="604" y="599"/>
                    </a:lnTo>
                    <a:lnTo>
                      <a:pt x="592" y="605"/>
                    </a:lnTo>
                    <a:lnTo>
                      <a:pt x="586" y="611"/>
                    </a:lnTo>
                    <a:lnTo>
                      <a:pt x="574" y="617"/>
                    </a:lnTo>
                    <a:lnTo>
                      <a:pt x="562" y="629"/>
                    </a:lnTo>
                    <a:lnTo>
                      <a:pt x="550" y="635"/>
                    </a:lnTo>
                    <a:lnTo>
                      <a:pt x="550" y="653"/>
                    </a:lnTo>
                    <a:lnTo>
                      <a:pt x="556" y="677"/>
                    </a:lnTo>
                    <a:lnTo>
                      <a:pt x="562" y="707"/>
                    </a:lnTo>
                    <a:lnTo>
                      <a:pt x="538" y="737"/>
                    </a:lnTo>
                    <a:lnTo>
                      <a:pt x="377" y="785"/>
                    </a:lnTo>
                    <a:lnTo>
                      <a:pt x="365" y="761"/>
                    </a:lnTo>
                    <a:lnTo>
                      <a:pt x="359" y="755"/>
                    </a:lnTo>
                    <a:lnTo>
                      <a:pt x="353" y="755"/>
                    </a:lnTo>
                    <a:lnTo>
                      <a:pt x="359" y="683"/>
                    </a:lnTo>
                    <a:lnTo>
                      <a:pt x="365" y="671"/>
                    </a:lnTo>
                    <a:lnTo>
                      <a:pt x="371" y="665"/>
                    </a:lnTo>
                    <a:lnTo>
                      <a:pt x="389" y="641"/>
                    </a:lnTo>
                    <a:lnTo>
                      <a:pt x="413" y="629"/>
                    </a:lnTo>
                    <a:lnTo>
                      <a:pt x="431" y="611"/>
                    </a:lnTo>
                    <a:lnTo>
                      <a:pt x="419" y="623"/>
                    </a:lnTo>
                    <a:lnTo>
                      <a:pt x="419" y="629"/>
                    </a:lnTo>
                    <a:lnTo>
                      <a:pt x="425" y="647"/>
                    </a:lnTo>
                    <a:lnTo>
                      <a:pt x="425" y="659"/>
                    </a:lnTo>
                    <a:lnTo>
                      <a:pt x="431" y="665"/>
                    </a:lnTo>
                    <a:lnTo>
                      <a:pt x="437" y="659"/>
                    </a:lnTo>
                    <a:lnTo>
                      <a:pt x="443" y="635"/>
                    </a:lnTo>
                    <a:lnTo>
                      <a:pt x="443" y="617"/>
                    </a:lnTo>
                    <a:lnTo>
                      <a:pt x="443" y="605"/>
                    </a:lnTo>
                    <a:lnTo>
                      <a:pt x="491" y="575"/>
                    </a:lnTo>
                    <a:lnTo>
                      <a:pt x="527" y="545"/>
                    </a:lnTo>
                    <a:lnTo>
                      <a:pt x="550" y="527"/>
                    </a:lnTo>
                    <a:lnTo>
                      <a:pt x="568" y="515"/>
                    </a:lnTo>
                    <a:lnTo>
                      <a:pt x="586" y="503"/>
                    </a:lnTo>
                    <a:lnTo>
                      <a:pt x="598" y="497"/>
                    </a:lnTo>
                    <a:lnTo>
                      <a:pt x="610" y="485"/>
                    </a:lnTo>
                    <a:lnTo>
                      <a:pt x="616" y="479"/>
                    </a:lnTo>
                    <a:lnTo>
                      <a:pt x="616" y="473"/>
                    </a:lnTo>
                    <a:lnTo>
                      <a:pt x="628" y="455"/>
                    </a:lnTo>
                    <a:lnTo>
                      <a:pt x="634" y="431"/>
                    </a:lnTo>
                    <a:lnTo>
                      <a:pt x="640" y="408"/>
                    </a:lnTo>
                    <a:lnTo>
                      <a:pt x="640" y="402"/>
                    </a:lnTo>
                    <a:lnTo>
                      <a:pt x="640" y="396"/>
                    </a:lnTo>
                    <a:lnTo>
                      <a:pt x="628" y="396"/>
                    </a:lnTo>
                    <a:lnTo>
                      <a:pt x="634" y="396"/>
                    </a:lnTo>
                    <a:lnTo>
                      <a:pt x="634" y="390"/>
                    </a:lnTo>
                    <a:lnTo>
                      <a:pt x="640" y="378"/>
                    </a:lnTo>
                    <a:lnTo>
                      <a:pt x="652" y="336"/>
                    </a:lnTo>
                    <a:lnTo>
                      <a:pt x="664" y="300"/>
                    </a:lnTo>
                    <a:lnTo>
                      <a:pt x="664" y="282"/>
                    </a:lnTo>
                    <a:lnTo>
                      <a:pt x="670" y="276"/>
                    </a:lnTo>
                    <a:lnTo>
                      <a:pt x="664" y="270"/>
                    </a:lnTo>
                    <a:lnTo>
                      <a:pt x="658" y="258"/>
                    </a:lnTo>
                    <a:lnTo>
                      <a:pt x="646" y="246"/>
                    </a:lnTo>
                    <a:lnTo>
                      <a:pt x="640" y="240"/>
                    </a:lnTo>
                    <a:lnTo>
                      <a:pt x="676" y="258"/>
                    </a:lnTo>
                    <a:lnTo>
                      <a:pt x="682" y="192"/>
                    </a:lnTo>
                    <a:lnTo>
                      <a:pt x="682" y="198"/>
                    </a:lnTo>
                    <a:lnTo>
                      <a:pt x="682" y="222"/>
                    </a:lnTo>
                    <a:lnTo>
                      <a:pt x="688" y="246"/>
                    </a:lnTo>
                    <a:lnTo>
                      <a:pt x="694" y="264"/>
                    </a:lnTo>
                    <a:close/>
                    <a:moveTo>
                      <a:pt x="532" y="455"/>
                    </a:moveTo>
                    <a:lnTo>
                      <a:pt x="527" y="461"/>
                    </a:lnTo>
                    <a:lnTo>
                      <a:pt x="532" y="449"/>
                    </a:lnTo>
                    <a:lnTo>
                      <a:pt x="532" y="455"/>
                    </a:lnTo>
                    <a:close/>
                    <a:moveTo>
                      <a:pt x="634" y="803"/>
                    </a:moveTo>
                    <a:lnTo>
                      <a:pt x="634" y="803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9" name="Freeform 19">
                <a:extLst>
                  <a:ext uri="{FF2B5EF4-FFF2-40B4-BE49-F238E27FC236}">
                    <a16:creationId xmlns:a16="http://schemas.microsoft.com/office/drawing/2014/main" id="{7E43E522-A9CA-EA2F-2A6A-1900B8424373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684" y="2709"/>
                <a:ext cx="47" cy="78"/>
              </a:xfrm>
              <a:custGeom>
                <a:avLst/>
                <a:gdLst>
                  <a:gd name="T0" fmla="*/ 12 w 47"/>
                  <a:gd name="T1" fmla="*/ 72 h 78"/>
                  <a:gd name="T2" fmla="*/ 18 w 47"/>
                  <a:gd name="T3" fmla="*/ 60 h 78"/>
                  <a:gd name="T4" fmla="*/ 24 w 47"/>
                  <a:gd name="T5" fmla="*/ 54 h 78"/>
                  <a:gd name="T6" fmla="*/ 47 w 47"/>
                  <a:gd name="T7" fmla="*/ 0 h 78"/>
                  <a:gd name="T8" fmla="*/ 0 w 47"/>
                  <a:gd name="T9" fmla="*/ 78 h 78"/>
                  <a:gd name="T10" fmla="*/ 12 w 47"/>
                  <a:gd name="T11" fmla="*/ 72 h 78"/>
                  <a:gd name="T12" fmla="*/ 12 w 47"/>
                  <a:gd name="T13" fmla="*/ 72 h 78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</a:gdLst>
                <a:ahLst/>
                <a:cxnLst>
                  <a:cxn ang="T14">
                    <a:pos x="T0" y="T1"/>
                  </a:cxn>
                  <a:cxn ang="T15">
                    <a:pos x="T2" y="T3"/>
                  </a:cxn>
                  <a:cxn ang="T16">
                    <a:pos x="T4" y="T5"/>
                  </a:cxn>
                  <a:cxn ang="T17">
                    <a:pos x="T6" y="T7"/>
                  </a:cxn>
                  <a:cxn ang="T18">
                    <a:pos x="T8" y="T9"/>
                  </a:cxn>
                  <a:cxn ang="T19">
                    <a:pos x="T10" y="T11"/>
                  </a:cxn>
                  <a:cxn ang="T20">
                    <a:pos x="T12" y="T13"/>
                  </a:cxn>
                </a:cxnLst>
                <a:rect l="0" t="0" r="r" b="b"/>
                <a:pathLst>
                  <a:path w="47" h="78">
                    <a:moveTo>
                      <a:pt x="12" y="72"/>
                    </a:moveTo>
                    <a:lnTo>
                      <a:pt x="18" y="60"/>
                    </a:lnTo>
                    <a:lnTo>
                      <a:pt x="24" y="54"/>
                    </a:lnTo>
                    <a:lnTo>
                      <a:pt x="47" y="0"/>
                    </a:lnTo>
                    <a:lnTo>
                      <a:pt x="0" y="78"/>
                    </a:lnTo>
                    <a:lnTo>
                      <a:pt x="12" y="72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0" name="Freeform 20">
                <a:extLst>
                  <a:ext uri="{FF2B5EF4-FFF2-40B4-BE49-F238E27FC236}">
                    <a16:creationId xmlns:a16="http://schemas.microsoft.com/office/drawing/2014/main" id="{9264416E-BB4D-D9EA-F98F-228F2CEFAC24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1284" y="2572"/>
                <a:ext cx="149" cy="419"/>
              </a:xfrm>
              <a:custGeom>
                <a:avLst/>
                <a:gdLst>
                  <a:gd name="T0" fmla="*/ 29 w 149"/>
                  <a:gd name="T1" fmla="*/ 96 h 419"/>
                  <a:gd name="T2" fmla="*/ 41 w 149"/>
                  <a:gd name="T3" fmla="*/ 126 h 419"/>
                  <a:gd name="T4" fmla="*/ 29 w 149"/>
                  <a:gd name="T5" fmla="*/ 161 h 419"/>
                  <a:gd name="T6" fmla="*/ 47 w 149"/>
                  <a:gd name="T7" fmla="*/ 149 h 419"/>
                  <a:gd name="T8" fmla="*/ 53 w 149"/>
                  <a:gd name="T9" fmla="*/ 347 h 419"/>
                  <a:gd name="T10" fmla="*/ 65 w 149"/>
                  <a:gd name="T11" fmla="*/ 371 h 419"/>
                  <a:gd name="T12" fmla="*/ 65 w 149"/>
                  <a:gd name="T13" fmla="*/ 377 h 419"/>
                  <a:gd name="T14" fmla="*/ 65 w 149"/>
                  <a:gd name="T15" fmla="*/ 389 h 419"/>
                  <a:gd name="T16" fmla="*/ 77 w 149"/>
                  <a:gd name="T17" fmla="*/ 395 h 419"/>
                  <a:gd name="T18" fmla="*/ 101 w 149"/>
                  <a:gd name="T19" fmla="*/ 407 h 419"/>
                  <a:gd name="T20" fmla="*/ 125 w 149"/>
                  <a:gd name="T21" fmla="*/ 413 h 419"/>
                  <a:gd name="T22" fmla="*/ 149 w 149"/>
                  <a:gd name="T23" fmla="*/ 419 h 419"/>
                  <a:gd name="T24" fmla="*/ 125 w 149"/>
                  <a:gd name="T25" fmla="*/ 395 h 419"/>
                  <a:gd name="T26" fmla="*/ 77 w 149"/>
                  <a:gd name="T27" fmla="*/ 365 h 419"/>
                  <a:gd name="T28" fmla="*/ 77 w 149"/>
                  <a:gd name="T29" fmla="*/ 365 h 419"/>
                  <a:gd name="T30" fmla="*/ 77 w 149"/>
                  <a:gd name="T31" fmla="*/ 353 h 419"/>
                  <a:gd name="T32" fmla="*/ 83 w 149"/>
                  <a:gd name="T33" fmla="*/ 329 h 419"/>
                  <a:gd name="T34" fmla="*/ 83 w 149"/>
                  <a:gd name="T35" fmla="*/ 293 h 419"/>
                  <a:gd name="T36" fmla="*/ 83 w 149"/>
                  <a:gd name="T37" fmla="*/ 257 h 419"/>
                  <a:gd name="T38" fmla="*/ 83 w 149"/>
                  <a:gd name="T39" fmla="*/ 221 h 419"/>
                  <a:gd name="T40" fmla="*/ 77 w 149"/>
                  <a:gd name="T41" fmla="*/ 185 h 419"/>
                  <a:gd name="T42" fmla="*/ 65 w 149"/>
                  <a:gd name="T43" fmla="*/ 155 h 419"/>
                  <a:gd name="T44" fmla="*/ 59 w 149"/>
                  <a:gd name="T45" fmla="*/ 143 h 419"/>
                  <a:gd name="T46" fmla="*/ 53 w 149"/>
                  <a:gd name="T47" fmla="*/ 137 h 419"/>
                  <a:gd name="T48" fmla="*/ 53 w 149"/>
                  <a:gd name="T49" fmla="*/ 120 h 419"/>
                  <a:gd name="T50" fmla="*/ 53 w 149"/>
                  <a:gd name="T51" fmla="*/ 108 h 419"/>
                  <a:gd name="T52" fmla="*/ 47 w 149"/>
                  <a:gd name="T53" fmla="*/ 90 h 419"/>
                  <a:gd name="T54" fmla="*/ 35 w 149"/>
                  <a:gd name="T55" fmla="*/ 54 h 419"/>
                  <a:gd name="T56" fmla="*/ 23 w 149"/>
                  <a:gd name="T57" fmla="*/ 18 h 419"/>
                  <a:gd name="T58" fmla="*/ 17 w 149"/>
                  <a:gd name="T59" fmla="*/ 6 h 419"/>
                  <a:gd name="T60" fmla="*/ 17 w 149"/>
                  <a:gd name="T61" fmla="*/ 0 h 419"/>
                  <a:gd name="T62" fmla="*/ 0 w 149"/>
                  <a:gd name="T63" fmla="*/ 6 h 419"/>
                  <a:gd name="T64" fmla="*/ 6 w 149"/>
                  <a:gd name="T65" fmla="*/ 114 h 419"/>
                  <a:gd name="T66" fmla="*/ 29 w 149"/>
                  <a:gd name="T67" fmla="*/ 96 h 419"/>
                  <a:gd name="T68" fmla="*/ 29 w 149"/>
                  <a:gd name="T69" fmla="*/ 96 h 419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60000 65536"/>
                  <a:gd name="T76" fmla="*/ 0 60000 65536"/>
                  <a:gd name="T77" fmla="*/ 0 60000 65536"/>
                  <a:gd name="T78" fmla="*/ 0 60000 65536"/>
                  <a:gd name="T79" fmla="*/ 0 60000 65536"/>
                  <a:gd name="T80" fmla="*/ 0 60000 65536"/>
                  <a:gd name="T81" fmla="*/ 0 60000 65536"/>
                  <a:gd name="T82" fmla="*/ 0 60000 65536"/>
                  <a:gd name="T83" fmla="*/ 0 60000 65536"/>
                  <a:gd name="T84" fmla="*/ 0 60000 65536"/>
                  <a:gd name="T85" fmla="*/ 0 60000 65536"/>
                  <a:gd name="T86" fmla="*/ 0 60000 65536"/>
                  <a:gd name="T87" fmla="*/ 0 60000 65536"/>
                  <a:gd name="T88" fmla="*/ 0 60000 65536"/>
                  <a:gd name="T89" fmla="*/ 0 60000 65536"/>
                  <a:gd name="T90" fmla="*/ 0 60000 65536"/>
                  <a:gd name="T91" fmla="*/ 0 60000 65536"/>
                  <a:gd name="T92" fmla="*/ 0 60000 65536"/>
                  <a:gd name="T93" fmla="*/ 0 60000 65536"/>
                  <a:gd name="T94" fmla="*/ 0 60000 65536"/>
                  <a:gd name="T95" fmla="*/ 0 60000 65536"/>
                  <a:gd name="T96" fmla="*/ 0 60000 65536"/>
                  <a:gd name="T97" fmla="*/ 0 60000 65536"/>
                  <a:gd name="T98" fmla="*/ 0 60000 65536"/>
                  <a:gd name="T99" fmla="*/ 0 60000 65536"/>
                  <a:gd name="T100" fmla="*/ 0 60000 65536"/>
                  <a:gd name="T101" fmla="*/ 0 60000 65536"/>
                  <a:gd name="T102" fmla="*/ 0 60000 65536"/>
                  <a:gd name="T103" fmla="*/ 0 60000 65536"/>
                  <a:gd name="T104" fmla="*/ 0 60000 65536"/>
                </a:gdLst>
                <a:ahLst/>
                <a:cxnLst>
                  <a:cxn ang="T70">
                    <a:pos x="T0" y="T1"/>
                  </a:cxn>
                  <a:cxn ang="T71">
                    <a:pos x="T2" y="T3"/>
                  </a:cxn>
                  <a:cxn ang="T72">
                    <a:pos x="T4" y="T5"/>
                  </a:cxn>
                  <a:cxn ang="T73">
                    <a:pos x="T6" y="T7"/>
                  </a:cxn>
                  <a:cxn ang="T74">
                    <a:pos x="T8" y="T9"/>
                  </a:cxn>
                  <a:cxn ang="T75">
                    <a:pos x="T10" y="T11"/>
                  </a:cxn>
                  <a:cxn ang="T76">
                    <a:pos x="T12" y="T13"/>
                  </a:cxn>
                  <a:cxn ang="T77">
                    <a:pos x="T14" y="T15"/>
                  </a:cxn>
                  <a:cxn ang="T78">
                    <a:pos x="T16" y="T17"/>
                  </a:cxn>
                  <a:cxn ang="T79">
                    <a:pos x="T18" y="T19"/>
                  </a:cxn>
                  <a:cxn ang="T80">
                    <a:pos x="T20" y="T21"/>
                  </a:cxn>
                  <a:cxn ang="T81">
                    <a:pos x="T22" y="T23"/>
                  </a:cxn>
                  <a:cxn ang="T82">
                    <a:pos x="T24" y="T25"/>
                  </a:cxn>
                  <a:cxn ang="T83">
                    <a:pos x="T26" y="T27"/>
                  </a:cxn>
                  <a:cxn ang="T84">
                    <a:pos x="T28" y="T29"/>
                  </a:cxn>
                  <a:cxn ang="T85">
                    <a:pos x="T30" y="T31"/>
                  </a:cxn>
                  <a:cxn ang="T86">
                    <a:pos x="T32" y="T33"/>
                  </a:cxn>
                  <a:cxn ang="T87">
                    <a:pos x="T34" y="T35"/>
                  </a:cxn>
                  <a:cxn ang="T88">
                    <a:pos x="T36" y="T37"/>
                  </a:cxn>
                  <a:cxn ang="T89">
                    <a:pos x="T38" y="T39"/>
                  </a:cxn>
                  <a:cxn ang="T90">
                    <a:pos x="T40" y="T41"/>
                  </a:cxn>
                  <a:cxn ang="T91">
                    <a:pos x="T42" y="T43"/>
                  </a:cxn>
                  <a:cxn ang="T92">
                    <a:pos x="T44" y="T45"/>
                  </a:cxn>
                  <a:cxn ang="T93">
                    <a:pos x="T46" y="T47"/>
                  </a:cxn>
                  <a:cxn ang="T94">
                    <a:pos x="T48" y="T49"/>
                  </a:cxn>
                  <a:cxn ang="T95">
                    <a:pos x="T50" y="T51"/>
                  </a:cxn>
                  <a:cxn ang="T96">
                    <a:pos x="T52" y="T53"/>
                  </a:cxn>
                  <a:cxn ang="T97">
                    <a:pos x="T54" y="T55"/>
                  </a:cxn>
                  <a:cxn ang="T98">
                    <a:pos x="T56" y="T57"/>
                  </a:cxn>
                  <a:cxn ang="T99">
                    <a:pos x="T58" y="T59"/>
                  </a:cxn>
                  <a:cxn ang="T100">
                    <a:pos x="T60" y="T61"/>
                  </a:cxn>
                  <a:cxn ang="T101">
                    <a:pos x="T62" y="T63"/>
                  </a:cxn>
                  <a:cxn ang="T102">
                    <a:pos x="T64" y="T65"/>
                  </a:cxn>
                  <a:cxn ang="T103">
                    <a:pos x="T66" y="T67"/>
                  </a:cxn>
                  <a:cxn ang="T104">
                    <a:pos x="T68" y="T69"/>
                  </a:cxn>
                </a:cxnLst>
                <a:rect l="0" t="0" r="r" b="b"/>
                <a:pathLst>
                  <a:path w="149" h="419">
                    <a:moveTo>
                      <a:pt x="29" y="96"/>
                    </a:moveTo>
                    <a:lnTo>
                      <a:pt x="41" y="126"/>
                    </a:lnTo>
                    <a:lnTo>
                      <a:pt x="29" y="161"/>
                    </a:lnTo>
                    <a:lnTo>
                      <a:pt x="47" y="149"/>
                    </a:lnTo>
                    <a:lnTo>
                      <a:pt x="53" y="347"/>
                    </a:lnTo>
                    <a:lnTo>
                      <a:pt x="65" y="371"/>
                    </a:lnTo>
                    <a:lnTo>
                      <a:pt x="65" y="377"/>
                    </a:lnTo>
                    <a:lnTo>
                      <a:pt x="65" y="389"/>
                    </a:lnTo>
                    <a:lnTo>
                      <a:pt x="77" y="395"/>
                    </a:lnTo>
                    <a:lnTo>
                      <a:pt x="101" y="407"/>
                    </a:lnTo>
                    <a:lnTo>
                      <a:pt x="125" y="413"/>
                    </a:lnTo>
                    <a:lnTo>
                      <a:pt x="149" y="419"/>
                    </a:lnTo>
                    <a:lnTo>
                      <a:pt x="125" y="395"/>
                    </a:lnTo>
                    <a:lnTo>
                      <a:pt x="77" y="365"/>
                    </a:lnTo>
                    <a:lnTo>
                      <a:pt x="77" y="353"/>
                    </a:lnTo>
                    <a:lnTo>
                      <a:pt x="83" y="329"/>
                    </a:lnTo>
                    <a:lnTo>
                      <a:pt x="83" y="293"/>
                    </a:lnTo>
                    <a:lnTo>
                      <a:pt x="83" y="257"/>
                    </a:lnTo>
                    <a:lnTo>
                      <a:pt x="83" y="221"/>
                    </a:lnTo>
                    <a:lnTo>
                      <a:pt x="77" y="185"/>
                    </a:lnTo>
                    <a:lnTo>
                      <a:pt x="65" y="155"/>
                    </a:lnTo>
                    <a:lnTo>
                      <a:pt x="59" y="143"/>
                    </a:lnTo>
                    <a:lnTo>
                      <a:pt x="53" y="137"/>
                    </a:lnTo>
                    <a:lnTo>
                      <a:pt x="53" y="120"/>
                    </a:lnTo>
                    <a:lnTo>
                      <a:pt x="53" y="108"/>
                    </a:lnTo>
                    <a:lnTo>
                      <a:pt x="47" y="90"/>
                    </a:lnTo>
                    <a:lnTo>
                      <a:pt x="35" y="54"/>
                    </a:lnTo>
                    <a:lnTo>
                      <a:pt x="23" y="18"/>
                    </a:lnTo>
                    <a:lnTo>
                      <a:pt x="17" y="6"/>
                    </a:lnTo>
                    <a:lnTo>
                      <a:pt x="17" y="0"/>
                    </a:lnTo>
                    <a:lnTo>
                      <a:pt x="0" y="6"/>
                    </a:lnTo>
                    <a:lnTo>
                      <a:pt x="6" y="114"/>
                    </a:lnTo>
                    <a:lnTo>
                      <a:pt x="29" y="96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1" name="Freeform 21">
                <a:extLst>
                  <a:ext uri="{FF2B5EF4-FFF2-40B4-BE49-F238E27FC236}">
                    <a16:creationId xmlns:a16="http://schemas.microsoft.com/office/drawing/2014/main" id="{3474ECBE-5F1C-9AAB-3DFB-3E061FC6C138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1140" y="2434"/>
                <a:ext cx="167" cy="138"/>
              </a:xfrm>
              <a:custGeom>
                <a:avLst/>
                <a:gdLst>
                  <a:gd name="T0" fmla="*/ 102 w 167"/>
                  <a:gd name="T1" fmla="*/ 18 h 138"/>
                  <a:gd name="T2" fmla="*/ 96 w 167"/>
                  <a:gd name="T3" fmla="*/ 12 h 138"/>
                  <a:gd name="T4" fmla="*/ 90 w 167"/>
                  <a:gd name="T5" fmla="*/ 0 h 138"/>
                  <a:gd name="T6" fmla="*/ 78 w 167"/>
                  <a:gd name="T7" fmla="*/ 0 h 138"/>
                  <a:gd name="T8" fmla="*/ 66 w 167"/>
                  <a:gd name="T9" fmla="*/ 0 h 138"/>
                  <a:gd name="T10" fmla="*/ 60 w 167"/>
                  <a:gd name="T11" fmla="*/ 0 h 138"/>
                  <a:gd name="T12" fmla="*/ 48 w 167"/>
                  <a:gd name="T13" fmla="*/ 6 h 138"/>
                  <a:gd name="T14" fmla="*/ 36 w 167"/>
                  <a:gd name="T15" fmla="*/ 12 h 138"/>
                  <a:gd name="T16" fmla="*/ 30 w 167"/>
                  <a:gd name="T17" fmla="*/ 12 h 138"/>
                  <a:gd name="T18" fmla="*/ 24 w 167"/>
                  <a:gd name="T19" fmla="*/ 24 h 138"/>
                  <a:gd name="T20" fmla="*/ 18 w 167"/>
                  <a:gd name="T21" fmla="*/ 42 h 138"/>
                  <a:gd name="T22" fmla="*/ 6 w 167"/>
                  <a:gd name="T23" fmla="*/ 66 h 138"/>
                  <a:gd name="T24" fmla="*/ 0 w 167"/>
                  <a:gd name="T25" fmla="*/ 72 h 138"/>
                  <a:gd name="T26" fmla="*/ 42 w 167"/>
                  <a:gd name="T27" fmla="*/ 30 h 138"/>
                  <a:gd name="T28" fmla="*/ 30 w 167"/>
                  <a:gd name="T29" fmla="*/ 66 h 138"/>
                  <a:gd name="T30" fmla="*/ 96 w 167"/>
                  <a:gd name="T31" fmla="*/ 36 h 138"/>
                  <a:gd name="T32" fmla="*/ 120 w 167"/>
                  <a:gd name="T33" fmla="*/ 78 h 138"/>
                  <a:gd name="T34" fmla="*/ 120 w 167"/>
                  <a:gd name="T35" fmla="*/ 54 h 138"/>
                  <a:gd name="T36" fmla="*/ 167 w 167"/>
                  <a:gd name="T37" fmla="*/ 138 h 138"/>
                  <a:gd name="T38" fmla="*/ 167 w 167"/>
                  <a:gd name="T39" fmla="*/ 120 h 138"/>
                  <a:gd name="T40" fmla="*/ 161 w 167"/>
                  <a:gd name="T41" fmla="*/ 102 h 138"/>
                  <a:gd name="T42" fmla="*/ 138 w 167"/>
                  <a:gd name="T43" fmla="*/ 60 h 138"/>
                  <a:gd name="T44" fmla="*/ 114 w 167"/>
                  <a:gd name="T45" fmla="*/ 30 h 138"/>
                  <a:gd name="T46" fmla="*/ 108 w 167"/>
                  <a:gd name="T47" fmla="*/ 24 h 138"/>
                  <a:gd name="T48" fmla="*/ 102 w 167"/>
                  <a:gd name="T49" fmla="*/ 18 h 138"/>
                  <a:gd name="T50" fmla="*/ 102 w 167"/>
                  <a:gd name="T51" fmla="*/ 18 h 138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60000 65536"/>
                  <a:gd name="T76" fmla="*/ 0 60000 65536"/>
                  <a:gd name="T77" fmla="*/ 0 60000 65536"/>
                </a:gdLst>
                <a:ahLst/>
                <a:cxnLst>
                  <a:cxn ang="T52">
                    <a:pos x="T0" y="T1"/>
                  </a:cxn>
                  <a:cxn ang="T53">
                    <a:pos x="T2" y="T3"/>
                  </a:cxn>
                  <a:cxn ang="T54">
                    <a:pos x="T4" y="T5"/>
                  </a:cxn>
                  <a:cxn ang="T55">
                    <a:pos x="T6" y="T7"/>
                  </a:cxn>
                  <a:cxn ang="T56">
                    <a:pos x="T8" y="T9"/>
                  </a:cxn>
                  <a:cxn ang="T57">
                    <a:pos x="T10" y="T11"/>
                  </a:cxn>
                  <a:cxn ang="T58">
                    <a:pos x="T12" y="T13"/>
                  </a:cxn>
                  <a:cxn ang="T59">
                    <a:pos x="T14" y="T15"/>
                  </a:cxn>
                  <a:cxn ang="T60">
                    <a:pos x="T16" y="T17"/>
                  </a:cxn>
                  <a:cxn ang="T61">
                    <a:pos x="T18" y="T19"/>
                  </a:cxn>
                  <a:cxn ang="T62">
                    <a:pos x="T20" y="T21"/>
                  </a:cxn>
                  <a:cxn ang="T63">
                    <a:pos x="T22" y="T23"/>
                  </a:cxn>
                  <a:cxn ang="T64">
                    <a:pos x="T24" y="T25"/>
                  </a:cxn>
                  <a:cxn ang="T65">
                    <a:pos x="T26" y="T27"/>
                  </a:cxn>
                  <a:cxn ang="T66">
                    <a:pos x="T28" y="T29"/>
                  </a:cxn>
                  <a:cxn ang="T67">
                    <a:pos x="T30" y="T31"/>
                  </a:cxn>
                  <a:cxn ang="T68">
                    <a:pos x="T32" y="T33"/>
                  </a:cxn>
                  <a:cxn ang="T69">
                    <a:pos x="T34" y="T35"/>
                  </a:cxn>
                  <a:cxn ang="T70">
                    <a:pos x="T36" y="T37"/>
                  </a:cxn>
                  <a:cxn ang="T71">
                    <a:pos x="T38" y="T39"/>
                  </a:cxn>
                  <a:cxn ang="T72">
                    <a:pos x="T40" y="T41"/>
                  </a:cxn>
                  <a:cxn ang="T73">
                    <a:pos x="T42" y="T43"/>
                  </a:cxn>
                  <a:cxn ang="T74">
                    <a:pos x="T44" y="T45"/>
                  </a:cxn>
                  <a:cxn ang="T75">
                    <a:pos x="T46" y="T47"/>
                  </a:cxn>
                  <a:cxn ang="T76">
                    <a:pos x="T48" y="T49"/>
                  </a:cxn>
                  <a:cxn ang="T77">
                    <a:pos x="T50" y="T51"/>
                  </a:cxn>
                </a:cxnLst>
                <a:rect l="0" t="0" r="r" b="b"/>
                <a:pathLst>
                  <a:path w="167" h="138">
                    <a:moveTo>
                      <a:pt x="102" y="18"/>
                    </a:moveTo>
                    <a:lnTo>
                      <a:pt x="96" y="12"/>
                    </a:lnTo>
                    <a:lnTo>
                      <a:pt x="90" y="0"/>
                    </a:lnTo>
                    <a:lnTo>
                      <a:pt x="78" y="0"/>
                    </a:lnTo>
                    <a:lnTo>
                      <a:pt x="66" y="0"/>
                    </a:lnTo>
                    <a:lnTo>
                      <a:pt x="60" y="0"/>
                    </a:lnTo>
                    <a:lnTo>
                      <a:pt x="48" y="6"/>
                    </a:lnTo>
                    <a:lnTo>
                      <a:pt x="36" y="12"/>
                    </a:lnTo>
                    <a:lnTo>
                      <a:pt x="30" y="12"/>
                    </a:lnTo>
                    <a:lnTo>
                      <a:pt x="24" y="24"/>
                    </a:lnTo>
                    <a:lnTo>
                      <a:pt x="18" y="42"/>
                    </a:lnTo>
                    <a:lnTo>
                      <a:pt x="6" y="66"/>
                    </a:lnTo>
                    <a:lnTo>
                      <a:pt x="0" y="72"/>
                    </a:lnTo>
                    <a:lnTo>
                      <a:pt x="42" y="30"/>
                    </a:lnTo>
                    <a:lnTo>
                      <a:pt x="30" y="66"/>
                    </a:lnTo>
                    <a:lnTo>
                      <a:pt x="96" y="36"/>
                    </a:lnTo>
                    <a:lnTo>
                      <a:pt x="120" y="78"/>
                    </a:lnTo>
                    <a:lnTo>
                      <a:pt x="120" y="54"/>
                    </a:lnTo>
                    <a:lnTo>
                      <a:pt x="167" y="138"/>
                    </a:lnTo>
                    <a:lnTo>
                      <a:pt x="167" y="120"/>
                    </a:lnTo>
                    <a:lnTo>
                      <a:pt x="161" y="102"/>
                    </a:lnTo>
                    <a:lnTo>
                      <a:pt x="138" y="60"/>
                    </a:lnTo>
                    <a:lnTo>
                      <a:pt x="114" y="30"/>
                    </a:lnTo>
                    <a:lnTo>
                      <a:pt x="108" y="24"/>
                    </a:lnTo>
                    <a:lnTo>
                      <a:pt x="102" y="18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2" name="Freeform 22">
                <a:extLst>
                  <a:ext uri="{FF2B5EF4-FFF2-40B4-BE49-F238E27FC236}">
                    <a16:creationId xmlns:a16="http://schemas.microsoft.com/office/drawing/2014/main" id="{889A905B-4167-F6FD-1C5E-2D436672CAB6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948" y="2314"/>
                <a:ext cx="113" cy="114"/>
              </a:xfrm>
              <a:custGeom>
                <a:avLst/>
                <a:gdLst>
                  <a:gd name="T0" fmla="*/ 0 w 113"/>
                  <a:gd name="T1" fmla="*/ 0 h 114"/>
                  <a:gd name="T2" fmla="*/ 6 w 113"/>
                  <a:gd name="T3" fmla="*/ 0 h 114"/>
                  <a:gd name="T4" fmla="*/ 24 w 113"/>
                  <a:gd name="T5" fmla="*/ 6 h 114"/>
                  <a:gd name="T6" fmla="*/ 48 w 113"/>
                  <a:gd name="T7" fmla="*/ 18 h 114"/>
                  <a:gd name="T8" fmla="*/ 71 w 113"/>
                  <a:gd name="T9" fmla="*/ 36 h 114"/>
                  <a:gd name="T10" fmla="*/ 83 w 113"/>
                  <a:gd name="T11" fmla="*/ 48 h 114"/>
                  <a:gd name="T12" fmla="*/ 95 w 113"/>
                  <a:gd name="T13" fmla="*/ 66 h 114"/>
                  <a:gd name="T14" fmla="*/ 107 w 113"/>
                  <a:gd name="T15" fmla="*/ 90 h 114"/>
                  <a:gd name="T16" fmla="*/ 113 w 113"/>
                  <a:gd name="T17" fmla="*/ 114 h 114"/>
                  <a:gd name="T18" fmla="*/ 83 w 113"/>
                  <a:gd name="T19" fmla="*/ 66 h 114"/>
                  <a:gd name="T20" fmla="*/ 60 w 113"/>
                  <a:gd name="T21" fmla="*/ 78 h 114"/>
                  <a:gd name="T22" fmla="*/ 71 w 113"/>
                  <a:gd name="T23" fmla="*/ 54 h 114"/>
                  <a:gd name="T24" fmla="*/ 12 w 113"/>
                  <a:gd name="T25" fmla="*/ 78 h 114"/>
                  <a:gd name="T26" fmla="*/ 60 w 113"/>
                  <a:gd name="T27" fmla="*/ 48 h 114"/>
                  <a:gd name="T28" fmla="*/ 60 w 113"/>
                  <a:gd name="T29" fmla="*/ 42 h 114"/>
                  <a:gd name="T30" fmla="*/ 54 w 113"/>
                  <a:gd name="T31" fmla="*/ 30 h 114"/>
                  <a:gd name="T32" fmla="*/ 36 w 113"/>
                  <a:gd name="T33" fmla="*/ 18 h 114"/>
                  <a:gd name="T34" fmla="*/ 0 w 113"/>
                  <a:gd name="T35" fmla="*/ 0 h 114"/>
                  <a:gd name="T36" fmla="*/ 0 w 113"/>
                  <a:gd name="T37" fmla="*/ 0 h 114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</a:gdLst>
                <a:ahLst/>
                <a:cxnLst>
                  <a:cxn ang="T38">
                    <a:pos x="T0" y="T1"/>
                  </a:cxn>
                  <a:cxn ang="T39">
                    <a:pos x="T2" y="T3"/>
                  </a:cxn>
                  <a:cxn ang="T40">
                    <a:pos x="T4" y="T5"/>
                  </a:cxn>
                  <a:cxn ang="T41">
                    <a:pos x="T6" y="T7"/>
                  </a:cxn>
                  <a:cxn ang="T42">
                    <a:pos x="T8" y="T9"/>
                  </a:cxn>
                  <a:cxn ang="T43">
                    <a:pos x="T10" y="T11"/>
                  </a:cxn>
                  <a:cxn ang="T44">
                    <a:pos x="T12" y="T13"/>
                  </a:cxn>
                  <a:cxn ang="T45">
                    <a:pos x="T14" y="T15"/>
                  </a:cxn>
                  <a:cxn ang="T46">
                    <a:pos x="T16" y="T17"/>
                  </a:cxn>
                  <a:cxn ang="T47">
                    <a:pos x="T18" y="T19"/>
                  </a:cxn>
                  <a:cxn ang="T48">
                    <a:pos x="T20" y="T21"/>
                  </a:cxn>
                  <a:cxn ang="T49">
                    <a:pos x="T22" y="T23"/>
                  </a:cxn>
                  <a:cxn ang="T50">
                    <a:pos x="T24" y="T25"/>
                  </a:cxn>
                  <a:cxn ang="T51">
                    <a:pos x="T26" y="T27"/>
                  </a:cxn>
                  <a:cxn ang="T52">
                    <a:pos x="T28" y="T29"/>
                  </a:cxn>
                  <a:cxn ang="T53">
                    <a:pos x="T30" y="T31"/>
                  </a:cxn>
                  <a:cxn ang="T54">
                    <a:pos x="T32" y="T33"/>
                  </a:cxn>
                  <a:cxn ang="T55">
                    <a:pos x="T34" y="T35"/>
                  </a:cxn>
                  <a:cxn ang="T56">
                    <a:pos x="T36" y="T37"/>
                  </a:cxn>
                </a:cxnLst>
                <a:rect l="0" t="0" r="r" b="b"/>
                <a:pathLst>
                  <a:path w="113" h="114">
                    <a:moveTo>
                      <a:pt x="0" y="0"/>
                    </a:moveTo>
                    <a:lnTo>
                      <a:pt x="6" y="0"/>
                    </a:lnTo>
                    <a:lnTo>
                      <a:pt x="24" y="6"/>
                    </a:lnTo>
                    <a:lnTo>
                      <a:pt x="48" y="18"/>
                    </a:lnTo>
                    <a:lnTo>
                      <a:pt x="71" y="36"/>
                    </a:lnTo>
                    <a:lnTo>
                      <a:pt x="83" y="48"/>
                    </a:lnTo>
                    <a:lnTo>
                      <a:pt x="95" y="66"/>
                    </a:lnTo>
                    <a:lnTo>
                      <a:pt x="107" y="90"/>
                    </a:lnTo>
                    <a:lnTo>
                      <a:pt x="113" y="114"/>
                    </a:lnTo>
                    <a:lnTo>
                      <a:pt x="83" y="66"/>
                    </a:lnTo>
                    <a:lnTo>
                      <a:pt x="60" y="78"/>
                    </a:lnTo>
                    <a:lnTo>
                      <a:pt x="71" y="54"/>
                    </a:lnTo>
                    <a:lnTo>
                      <a:pt x="12" y="78"/>
                    </a:lnTo>
                    <a:lnTo>
                      <a:pt x="60" y="48"/>
                    </a:lnTo>
                    <a:lnTo>
                      <a:pt x="60" y="42"/>
                    </a:lnTo>
                    <a:lnTo>
                      <a:pt x="54" y="30"/>
                    </a:lnTo>
                    <a:lnTo>
                      <a:pt x="36" y="18"/>
                    </a:lnTo>
                    <a:lnTo>
                      <a:pt x="0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3" name="Freeform 23">
                <a:extLst>
                  <a:ext uri="{FF2B5EF4-FFF2-40B4-BE49-F238E27FC236}">
                    <a16:creationId xmlns:a16="http://schemas.microsoft.com/office/drawing/2014/main" id="{9F1909F8-B241-29B0-9356-1BABBA182E12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1122" y="2578"/>
                <a:ext cx="66" cy="60"/>
              </a:xfrm>
              <a:custGeom>
                <a:avLst/>
                <a:gdLst>
                  <a:gd name="T0" fmla="*/ 54 w 66"/>
                  <a:gd name="T1" fmla="*/ 0 h 60"/>
                  <a:gd name="T2" fmla="*/ 42 w 66"/>
                  <a:gd name="T3" fmla="*/ 18 h 60"/>
                  <a:gd name="T4" fmla="*/ 36 w 66"/>
                  <a:gd name="T5" fmla="*/ 6 h 60"/>
                  <a:gd name="T6" fmla="*/ 24 w 66"/>
                  <a:gd name="T7" fmla="*/ 30 h 60"/>
                  <a:gd name="T8" fmla="*/ 18 w 66"/>
                  <a:gd name="T9" fmla="*/ 36 h 60"/>
                  <a:gd name="T10" fmla="*/ 6 w 66"/>
                  <a:gd name="T11" fmla="*/ 48 h 60"/>
                  <a:gd name="T12" fmla="*/ 0 w 66"/>
                  <a:gd name="T13" fmla="*/ 60 h 60"/>
                  <a:gd name="T14" fmla="*/ 12 w 66"/>
                  <a:gd name="T15" fmla="*/ 54 h 60"/>
                  <a:gd name="T16" fmla="*/ 30 w 66"/>
                  <a:gd name="T17" fmla="*/ 36 h 60"/>
                  <a:gd name="T18" fmla="*/ 54 w 66"/>
                  <a:gd name="T19" fmla="*/ 18 h 60"/>
                  <a:gd name="T20" fmla="*/ 66 w 66"/>
                  <a:gd name="T21" fmla="*/ 6 h 60"/>
                  <a:gd name="T22" fmla="*/ 54 w 66"/>
                  <a:gd name="T23" fmla="*/ 0 h 60"/>
                  <a:gd name="T24" fmla="*/ 54 w 66"/>
                  <a:gd name="T25" fmla="*/ 0 h 60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</a:gdLst>
                <a:ahLst/>
                <a:cxnLst>
                  <a:cxn ang="T26">
                    <a:pos x="T0" y="T1"/>
                  </a:cxn>
                  <a:cxn ang="T27">
                    <a:pos x="T2" y="T3"/>
                  </a:cxn>
                  <a:cxn ang="T28">
                    <a:pos x="T4" y="T5"/>
                  </a:cxn>
                  <a:cxn ang="T29">
                    <a:pos x="T6" y="T7"/>
                  </a:cxn>
                  <a:cxn ang="T30">
                    <a:pos x="T8" y="T9"/>
                  </a:cxn>
                  <a:cxn ang="T31">
                    <a:pos x="T10" y="T11"/>
                  </a:cxn>
                  <a:cxn ang="T32">
                    <a:pos x="T12" y="T13"/>
                  </a:cxn>
                  <a:cxn ang="T33">
                    <a:pos x="T14" y="T15"/>
                  </a:cxn>
                  <a:cxn ang="T34">
                    <a:pos x="T16" y="T17"/>
                  </a:cxn>
                  <a:cxn ang="T35">
                    <a:pos x="T18" y="T19"/>
                  </a:cxn>
                  <a:cxn ang="T36">
                    <a:pos x="T20" y="T21"/>
                  </a:cxn>
                  <a:cxn ang="T37">
                    <a:pos x="T22" y="T23"/>
                  </a:cxn>
                  <a:cxn ang="T38">
                    <a:pos x="T24" y="T25"/>
                  </a:cxn>
                </a:cxnLst>
                <a:rect l="0" t="0" r="r" b="b"/>
                <a:pathLst>
                  <a:path w="66" h="60">
                    <a:moveTo>
                      <a:pt x="54" y="0"/>
                    </a:moveTo>
                    <a:lnTo>
                      <a:pt x="42" y="18"/>
                    </a:lnTo>
                    <a:lnTo>
                      <a:pt x="36" y="6"/>
                    </a:lnTo>
                    <a:lnTo>
                      <a:pt x="24" y="30"/>
                    </a:lnTo>
                    <a:lnTo>
                      <a:pt x="18" y="36"/>
                    </a:lnTo>
                    <a:lnTo>
                      <a:pt x="6" y="48"/>
                    </a:lnTo>
                    <a:lnTo>
                      <a:pt x="0" y="60"/>
                    </a:lnTo>
                    <a:lnTo>
                      <a:pt x="12" y="54"/>
                    </a:lnTo>
                    <a:lnTo>
                      <a:pt x="30" y="36"/>
                    </a:lnTo>
                    <a:lnTo>
                      <a:pt x="54" y="18"/>
                    </a:lnTo>
                    <a:lnTo>
                      <a:pt x="66" y="6"/>
                    </a:lnTo>
                    <a:lnTo>
                      <a:pt x="54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4" name="Freeform 24">
                <a:extLst>
                  <a:ext uri="{FF2B5EF4-FFF2-40B4-BE49-F238E27FC236}">
                    <a16:creationId xmlns:a16="http://schemas.microsoft.com/office/drawing/2014/main" id="{514676FE-A5C0-D142-A7FB-76F25C3B0D2F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942" y="2674"/>
                <a:ext cx="161" cy="179"/>
              </a:xfrm>
              <a:custGeom>
                <a:avLst/>
                <a:gdLst>
                  <a:gd name="T0" fmla="*/ 131 w 161"/>
                  <a:gd name="T1" fmla="*/ 53 h 179"/>
                  <a:gd name="T2" fmla="*/ 137 w 161"/>
                  <a:gd name="T3" fmla="*/ 53 h 179"/>
                  <a:gd name="T4" fmla="*/ 143 w 161"/>
                  <a:gd name="T5" fmla="*/ 41 h 179"/>
                  <a:gd name="T6" fmla="*/ 155 w 161"/>
                  <a:gd name="T7" fmla="*/ 35 h 179"/>
                  <a:gd name="T8" fmla="*/ 161 w 161"/>
                  <a:gd name="T9" fmla="*/ 24 h 179"/>
                  <a:gd name="T10" fmla="*/ 161 w 161"/>
                  <a:gd name="T11" fmla="*/ 12 h 179"/>
                  <a:gd name="T12" fmla="*/ 161 w 161"/>
                  <a:gd name="T13" fmla="*/ 0 h 179"/>
                  <a:gd name="T14" fmla="*/ 149 w 161"/>
                  <a:gd name="T15" fmla="*/ 24 h 179"/>
                  <a:gd name="T16" fmla="*/ 143 w 161"/>
                  <a:gd name="T17" fmla="*/ 35 h 179"/>
                  <a:gd name="T18" fmla="*/ 131 w 161"/>
                  <a:gd name="T19" fmla="*/ 35 h 179"/>
                  <a:gd name="T20" fmla="*/ 119 w 161"/>
                  <a:gd name="T21" fmla="*/ 41 h 179"/>
                  <a:gd name="T22" fmla="*/ 125 w 161"/>
                  <a:gd name="T23" fmla="*/ 53 h 179"/>
                  <a:gd name="T24" fmla="*/ 95 w 161"/>
                  <a:gd name="T25" fmla="*/ 95 h 179"/>
                  <a:gd name="T26" fmla="*/ 0 w 161"/>
                  <a:gd name="T27" fmla="*/ 137 h 179"/>
                  <a:gd name="T28" fmla="*/ 60 w 161"/>
                  <a:gd name="T29" fmla="*/ 119 h 179"/>
                  <a:gd name="T30" fmla="*/ 54 w 161"/>
                  <a:gd name="T31" fmla="*/ 125 h 179"/>
                  <a:gd name="T32" fmla="*/ 48 w 161"/>
                  <a:gd name="T33" fmla="*/ 131 h 179"/>
                  <a:gd name="T34" fmla="*/ 24 w 161"/>
                  <a:gd name="T35" fmla="*/ 155 h 179"/>
                  <a:gd name="T36" fmla="*/ 12 w 161"/>
                  <a:gd name="T37" fmla="*/ 167 h 179"/>
                  <a:gd name="T38" fmla="*/ 0 w 161"/>
                  <a:gd name="T39" fmla="*/ 173 h 179"/>
                  <a:gd name="T40" fmla="*/ 0 w 161"/>
                  <a:gd name="T41" fmla="*/ 179 h 179"/>
                  <a:gd name="T42" fmla="*/ 6 w 161"/>
                  <a:gd name="T43" fmla="*/ 173 h 179"/>
                  <a:gd name="T44" fmla="*/ 30 w 161"/>
                  <a:gd name="T45" fmla="*/ 155 h 179"/>
                  <a:gd name="T46" fmla="*/ 48 w 161"/>
                  <a:gd name="T47" fmla="*/ 143 h 179"/>
                  <a:gd name="T48" fmla="*/ 71 w 161"/>
                  <a:gd name="T49" fmla="*/ 125 h 179"/>
                  <a:gd name="T50" fmla="*/ 95 w 161"/>
                  <a:gd name="T51" fmla="*/ 107 h 179"/>
                  <a:gd name="T52" fmla="*/ 119 w 161"/>
                  <a:gd name="T53" fmla="*/ 77 h 179"/>
                  <a:gd name="T54" fmla="*/ 131 w 161"/>
                  <a:gd name="T55" fmla="*/ 59 h 179"/>
                  <a:gd name="T56" fmla="*/ 131 w 161"/>
                  <a:gd name="T57" fmla="*/ 53 h 179"/>
                  <a:gd name="T58" fmla="*/ 131 w 161"/>
                  <a:gd name="T59" fmla="*/ 53 h 179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60000 65536"/>
                  <a:gd name="T76" fmla="*/ 0 60000 65536"/>
                  <a:gd name="T77" fmla="*/ 0 60000 65536"/>
                  <a:gd name="T78" fmla="*/ 0 60000 65536"/>
                  <a:gd name="T79" fmla="*/ 0 60000 65536"/>
                  <a:gd name="T80" fmla="*/ 0 60000 65536"/>
                  <a:gd name="T81" fmla="*/ 0 60000 65536"/>
                  <a:gd name="T82" fmla="*/ 0 60000 65536"/>
                  <a:gd name="T83" fmla="*/ 0 60000 65536"/>
                  <a:gd name="T84" fmla="*/ 0 60000 65536"/>
                  <a:gd name="T85" fmla="*/ 0 60000 65536"/>
                  <a:gd name="T86" fmla="*/ 0 60000 65536"/>
                  <a:gd name="T87" fmla="*/ 0 60000 65536"/>
                  <a:gd name="T88" fmla="*/ 0 60000 65536"/>
                  <a:gd name="T89" fmla="*/ 0 60000 65536"/>
                </a:gdLst>
                <a:ahLst/>
                <a:cxnLst>
                  <a:cxn ang="T60">
                    <a:pos x="T0" y="T1"/>
                  </a:cxn>
                  <a:cxn ang="T61">
                    <a:pos x="T2" y="T3"/>
                  </a:cxn>
                  <a:cxn ang="T62">
                    <a:pos x="T4" y="T5"/>
                  </a:cxn>
                  <a:cxn ang="T63">
                    <a:pos x="T6" y="T7"/>
                  </a:cxn>
                  <a:cxn ang="T64">
                    <a:pos x="T8" y="T9"/>
                  </a:cxn>
                  <a:cxn ang="T65">
                    <a:pos x="T10" y="T11"/>
                  </a:cxn>
                  <a:cxn ang="T66">
                    <a:pos x="T12" y="T13"/>
                  </a:cxn>
                  <a:cxn ang="T67">
                    <a:pos x="T14" y="T15"/>
                  </a:cxn>
                  <a:cxn ang="T68">
                    <a:pos x="T16" y="T17"/>
                  </a:cxn>
                  <a:cxn ang="T69">
                    <a:pos x="T18" y="T19"/>
                  </a:cxn>
                  <a:cxn ang="T70">
                    <a:pos x="T20" y="T21"/>
                  </a:cxn>
                  <a:cxn ang="T71">
                    <a:pos x="T22" y="T23"/>
                  </a:cxn>
                  <a:cxn ang="T72">
                    <a:pos x="T24" y="T25"/>
                  </a:cxn>
                  <a:cxn ang="T73">
                    <a:pos x="T26" y="T27"/>
                  </a:cxn>
                  <a:cxn ang="T74">
                    <a:pos x="T28" y="T29"/>
                  </a:cxn>
                  <a:cxn ang="T75">
                    <a:pos x="T30" y="T31"/>
                  </a:cxn>
                  <a:cxn ang="T76">
                    <a:pos x="T32" y="T33"/>
                  </a:cxn>
                  <a:cxn ang="T77">
                    <a:pos x="T34" y="T35"/>
                  </a:cxn>
                  <a:cxn ang="T78">
                    <a:pos x="T36" y="T37"/>
                  </a:cxn>
                  <a:cxn ang="T79">
                    <a:pos x="T38" y="T39"/>
                  </a:cxn>
                  <a:cxn ang="T80">
                    <a:pos x="T40" y="T41"/>
                  </a:cxn>
                  <a:cxn ang="T81">
                    <a:pos x="T42" y="T43"/>
                  </a:cxn>
                  <a:cxn ang="T82">
                    <a:pos x="T44" y="T45"/>
                  </a:cxn>
                  <a:cxn ang="T83">
                    <a:pos x="T46" y="T47"/>
                  </a:cxn>
                  <a:cxn ang="T84">
                    <a:pos x="T48" y="T49"/>
                  </a:cxn>
                  <a:cxn ang="T85">
                    <a:pos x="T50" y="T51"/>
                  </a:cxn>
                  <a:cxn ang="T86">
                    <a:pos x="T52" y="T53"/>
                  </a:cxn>
                  <a:cxn ang="T87">
                    <a:pos x="T54" y="T55"/>
                  </a:cxn>
                  <a:cxn ang="T88">
                    <a:pos x="T56" y="T57"/>
                  </a:cxn>
                  <a:cxn ang="T89">
                    <a:pos x="T58" y="T59"/>
                  </a:cxn>
                </a:cxnLst>
                <a:rect l="0" t="0" r="r" b="b"/>
                <a:pathLst>
                  <a:path w="161" h="179">
                    <a:moveTo>
                      <a:pt x="131" y="53"/>
                    </a:moveTo>
                    <a:lnTo>
                      <a:pt x="137" y="53"/>
                    </a:lnTo>
                    <a:lnTo>
                      <a:pt x="143" y="41"/>
                    </a:lnTo>
                    <a:lnTo>
                      <a:pt x="155" y="35"/>
                    </a:lnTo>
                    <a:lnTo>
                      <a:pt x="161" y="24"/>
                    </a:lnTo>
                    <a:lnTo>
                      <a:pt x="161" y="12"/>
                    </a:lnTo>
                    <a:lnTo>
                      <a:pt x="161" y="0"/>
                    </a:lnTo>
                    <a:lnTo>
                      <a:pt x="149" y="24"/>
                    </a:lnTo>
                    <a:lnTo>
                      <a:pt x="143" y="35"/>
                    </a:lnTo>
                    <a:lnTo>
                      <a:pt x="131" y="35"/>
                    </a:lnTo>
                    <a:lnTo>
                      <a:pt x="119" y="41"/>
                    </a:lnTo>
                    <a:lnTo>
                      <a:pt x="125" y="53"/>
                    </a:lnTo>
                    <a:lnTo>
                      <a:pt x="95" y="95"/>
                    </a:lnTo>
                    <a:lnTo>
                      <a:pt x="0" y="137"/>
                    </a:lnTo>
                    <a:lnTo>
                      <a:pt x="60" y="119"/>
                    </a:lnTo>
                    <a:lnTo>
                      <a:pt x="54" y="125"/>
                    </a:lnTo>
                    <a:lnTo>
                      <a:pt x="48" y="131"/>
                    </a:lnTo>
                    <a:lnTo>
                      <a:pt x="24" y="155"/>
                    </a:lnTo>
                    <a:lnTo>
                      <a:pt x="12" y="167"/>
                    </a:lnTo>
                    <a:lnTo>
                      <a:pt x="0" y="173"/>
                    </a:lnTo>
                    <a:lnTo>
                      <a:pt x="0" y="179"/>
                    </a:lnTo>
                    <a:lnTo>
                      <a:pt x="6" y="173"/>
                    </a:lnTo>
                    <a:lnTo>
                      <a:pt x="30" y="155"/>
                    </a:lnTo>
                    <a:lnTo>
                      <a:pt x="48" y="143"/>
                    </a:lnTo>
                    <a:lnTo>
                      <a:pt x="71" y="125"/>
                    </a:lnTo>
                    <a:lnTo>
                      <a:pt x="95" y="107"/>
                    </a:lnTo>
                    <a:lnTo>
                      <a:pt x="119" y="77"/>
                    </a:lnTo>
                    <a:lnTo>
                      <a:pt x="131" y="59"/>
                    </a:lnTo>
                    <a:lnTo>
                      <a:pt x="131" y="53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5" name="Freeform 25">
                <a:extLst>
                  <a:ext uri="{FF2B5EF4-FFF2-40B4-BE49-F238E27FC236}">
                    <a16:creationId xmlns:a16="http://schemas.microsoft.com/office/drawing/2014/main" id="{4C89E235-A281-50D0-DFE8-48F6435D2E54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737" y="2763"/>
                <a:ext cx="73" cy="54"/>
              </a:xfrm>
              <a:custGeom>
                <a:avLst/>
                <a:gdLst>
                  <a:gd name="T0" fmla="*/ 24 w 72"/>
                  <a:gd name="T1" fmla="*/ 36 h 54"/>
                  <a:gd name="T2" fmla="*/ 73 w 72"/>
                  <a:gd name="T3" fmla="*/ 24 h 54"/>
                  <a:gd name="T4" fmla="*/ 85 w 72"/>
                  <a:gd name="T5" fmla="*/ 12 h 54"/>
                  <a:gd name="T6" fmla="*/ 91 w 72"/>
                  <a:gd name="T7" fmla="*/ 6 h 54"/>
                  <a:gd name="T8" fmla="*/ 97 w 72"/>
                  <a:gd name="T9" fmla="*/ 0 h 54"/>
                  <a:gd name="T10" fmla="*/ 67 w 72"/>
                  <a:gd name="T11" fmla="*/ 18 h 54"/>
                  <a:gd name="T12" fmla="*/ 30 w 72"/>
                  <a:gd name="T13" fmla="*/ 24 h 54"/>
                  <a:gd name="T14" fmla="*/ 24 w 72"/>
                  <a:gd name="T15" fmla="*/ 24 h 54"/>
                  <a:gd name="T16" fmla="*/ 18 w 72"/>
                  <a:gd name="T17" fmla="*/ 18 h 54"/>
                  <a:gd name="T18" fmla="*/ 12 w 72"/>
                  <a:gd name="T19" fmla="*/ 12 h 54"/>
                  <a:gd name="T20" fmla="*/ 0 w 72"/>
                  <a:gd name="T21" fmla="*/ 54 h 54"/>
                  <a:gd name="T22" fmla="*/ 12 w 72"/>
                  <a:gd name="T23" fmla="*/ 42 h 54"/>
                  <a:gd name="T24" fmla="*/ 24 w 72"/>
                  <a:gd name="T25" fmla="*/ 36 h 54"/>
                  <a:gd name="T26" fmla="*/ 24 w 72"/>
                  <a:gd name="T27" fmla="*/ 36 h 54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</a:gdLst>
                <a:ahLst/>
                <a:cxnLst>
                  <a:cxn ang="T28">
                    <a:pos x="T0" y="T1"/>
                  </a:cxn>
                  <a:cxn ang="T29">
                    <a:pos x="T2" y="T3"/>
                  </a:cxn>
                  <a:cxn ang="T30">
                    <a:pos x="T4" y="T5"/>
                  </a:cxn>
                  <a:cxn ang="T31">
                    <a:pos x="T6" y="T7"/>
                  </a:cxn>
                  <a:cxn ang="T32">
                    <a:pos x="T8" y="T9"/>
                  </a:cxn>
                  <a:cxn ang="T33">
                    <a:pos x="T10" y="T11"/>
                  </a:cxn>
                  <a:cxn ang="T34">
                    <a:pos x="T12" y="T13"/>
                  </a:cxn>
                  <a:cxn ang="T35">
                    <a:pos x="T14" y="T15"/>
                  </a:cxn>
                  <a:cxn ang="T36">
                    <a:pos x="T16" y="T17"/>
                  </a:cxn>
                  <a:cxn ang="T37">
                    <a:pos x="T18" y="T19"/>
                  </a:cxn>
                  <a:cxn ang="T38">
                    <a:pos x="T20" y="T21"/>
                  </a:cxn>
                  <a:cxn ang="T39">
                    <a:pos x="T22" y="T23"/>
                  </a:cxn>
                  <a:cxn ang="T40">
                    <a:pos x="T24" y="T25"/>
                  </a:cxn>
                  <a:cxn ang="T41">
                    <a:pos x="T26" y="T27"/>
                  </a:cxn>
                </a:cxnLst>
                <a:rect l="0" t="0" r="r" b="b"/>
                <a:pathLst>
                  <a:path w="72" h="54">
                    <a:moveTo>
                      <a:pt x="24" y="36"/>
                    </a:moveTo>
                    <a:lnTo>
                      <a:pt x="48" y="24"/>
                    </a:lnTo>
                    <a:lnTo>
                      <a:pt x="60" y="12"/>
                    </a:lnTo>
                    <a:lnTo>
                      <a:pt x="66" y="6"/>
                    </a:lnTo>
                    <a:lnTo>
                      <a:pt x="72" y="0"/>
                    </a:lnTo>
                    <a:lnTo>
                      <a:pt x="42" y="18"/>
                    </a:lnTo>
                    <a:lnTo>
                      <a:pt x="30" y="24"/>
                    </a:lnTo>
                    <a:lnTo>
                      <a:pt x="24" y="24"/>
                    </a:lnTo>
                    <a:lnTo>
                      <a:pt x="18" y="18"/>
                    </a:lnTo>
                    <a:lnTo>
                      <a:pt x="12" y="12"/>
                    </a:lnTo>
                    <a:lnTo>
                      <a:pt x="0" y="54"/>
                    </a:lnTo>
                    <a:lnTo>
                      <a:pt x="12" y="42"/>
                    </a:lnTo>
                    <a:lnTo>
                      <a:pt x="24" y="36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6" name="Freeform 26">
                <a:extLst>
                  <a:ext uri="{FF2B5EF4-FFF2-40B4-BE49-F238E27FC236}">
                    <a16:creationId xmlns:a16="http://schemas.microsoft.com/office/drawing/2014/main" id="{2851E6B5-85AB-5930-E1CA-4A48B6ED7191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624" y="2889"/>
                <a:ext cx="12" cy="54"/>
              </a:xfrm>
              <a:custGeom>
                <a:avLst/>
                <a:gdLst>
                  <a:gd name="T0" fmla="*/ 12 w 12"/>
                  <a:gd name="T1" fmla="*/ 0 h 54"/>
                  <a:gd name="T2" fmla="*/ 0 w 12"/>
                  <a:gd name="T3" fmla="*/ 12 h 54"/>
                  <a:gd name="T4" fmla="*/ 0 w 12"/>
                  <a:gd name="T5" fmla="*/ 18 h 54"/>
                  <a:gd name="T6" fmla="*/ 6 w 12"/>
                  <a:gd name="T7" fmla="*/ 54 h 54"/>
                  <a:gd name="T8" fmla="*/ 12 w 12"/>
                  <a:gd name="T9" fmla="*/ 36 h 54"/>
                  <a:gd name="T10" fmla="*/ 12 w 12"/>
                  <a:gd name="T11" fmla="*/ 18 h 54"/>
                  <a:gd name="T12" fmla="*/ 12 w 12"/>
                  <a:gd name="T13" fmla="*/ 6 h 54"/>
                  <a:gd name="T14" fmla="*/ 12 w 12"/>
                  <a:gd name="T15" fmla="*/ 0 h 54"/>
                  <a:gd name="T16" fmla="*/ 12 w 12"/>
                  <a:gd name="T17" fmla="*/ 0 h 54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12" h="54">
                    <a:moveTo>
                      <a:pt x="12" y="0"/>
                    </a:moveTo>
                    <a:lnTo>
                      <a:pt x="0" y="12"/>
                    </a:lnTo>
                    <a:lnTo>
                      <a:pt x="0" y="18"/>
                    </a:lnTo>
                    <a:lnTo>
                      <a:pt x="6" y="54"/>
                    </a:lnTo>
                    <a:lnTo>
                      <a:pt x="12" y="36"/>
                    </a:lnTo>
                    <a:lnTo>
                      <a:pt x="12" y="18"/>
                    </a:lnTo>
                    <a:lnTo>
                      <a:pt x="12" y="6"/>
                    </a:lnTo>
                    <a:lnTo>
                      <a:pt x="12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7" name="Freeform 27">
                <a:extLst>
                  <a:ext uri="{FF2B5EF4-FFF2-40B4-BE49-F238E27FC236}">
                    <a16:creationId xmlns:a16="http://schemas.microsoft.com/office/drawing/2014/main" id="{9B3F9F4F-D440-AAA4-01B8-708C07D96CB2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492" y="3021"/>
                <a:ext cx="48" cy="72"/>
              </a:xfrm>
              <a:custGeom>
                <a:avLst/>
                <a:gdLst>
                  <a:gd name="T0" fmla="*/ 48 w 48"/>
                  <a:gd name="T1" fmla="*/ 6 h 72"/>
                  <a:gd name="T2" fmla="*/ 48 w 48"/>
                  <a:gd name="T3" fmla="*/ 6 h 72"/>
                  <a:gd name="T4" fmla="*/ 48 w 48"/>
                  <a:gd name="T5" fmla="*/ 6 h 72"/>
                  <a:gd name="T6" fmla="*/ 48 w 48"/>
                  <a:gd name="T7" fmla="*/ 6 h 72"/>
                  <a:gd name="T8" fmla="*/ 6 w 48"/>
                  <a:gd name="T9" fmla="*/ 0 h 72"/>
                  <a:gd name="T10" fmla="*/ 42 w 48"/>
                  <a:gd name="T11" fmla="*/ 12 h 72"/>
                  <a:gd name="T12" fmla="*/ 42 w 48"/>
                  <a:gd name="T13" fmla="*/ 12 h 72"/>
                  <a:gd name="T14" fmla="*/ 0 w 48"/>
                  <a:gd name="T15" fmla="*/ 72 h 72"/>
                  <a:gd name="T16" fmla="*/ 18 w 48"/>
                  <a:gd name="T17" fmla="*/ 54 h 72"/>
                  <a:gd name="T18" fmla="*/ 18 w 48"/>
                  <a:gd name="T19" fmla="*/ 66 h 72"/>
                  <a:gd name="T20" fmla="*/ 48 w 48"/>
                  <a:gd name="T21" fmla="*/ 6 h 72"/>
                  <a:gd name="T22" fmla="*/ 48 w 48"/>
                  <a:gd name="T23" fmla="*/ 6 h 72"/>
                  <a:gd name="T24" fmla="*/ 48 w 48"/>
                  <a:gd name="T25" fmla="*/ 6 h 72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</a:gdLst>
                <a:ahLst/>
                <a:cxnLst>
                  <a:cxn ang="T26">
                    <a:pos x="T0" y="T1"/>
                  </a:cxn>
                  <a:cxn ang="T27">
                    <a:pos x="T2" y="T3"/>
                  </a:cxn>
                  <a:cxn ang="T28">
                    <a:pos x="T4" y="T5"/>
                  </a:cxn>
                  <a:cxn ang="T29">
                    <a:pos x="T6" y="T7"/>
                  </a:cxn>
                  <a:cxn ang="T30">
                    <a:pos x="T8" y="T9"/>
                  </a:cxn>
                  <a:cxn ang="T31">
                    <a:pos x="T10" y="T11"/>
                  </a:cxn>
                  <a:cxn ang="T32">
                    <a:pos x="T12" y="T13"/>
                  </a:cxn>
                  <a:cxn ang="T33">
                    <a:pos x="T14" y="T15"/>
                  </a:cxn>
                  <a:cxn ang="T34">
                    <a:pos x="T16" y="T17"/>
                  </a:cxn>
                  <a:cxn ang="T35">
                    <a:pos x="T18" y="T19"/>
                  </a:cxn>
                  <a:cxn ang="T36">
                    <a:pos x="T20" y="T21"/>
                  </a:cxn>
                  <a:cxn ang="T37">
                    <a:pos x="T22" y="T23"/>
                  </a:cxn>
                  <a:cxn ang="T38">
                    <a:pos x="T24" y="T25"/>
                  </a:cxn>
                </a:cxnLst>
                <a:rect l="0" t="0" r="r" b="b"/>
                <a:pathLst>
                  <a:path w="48" h="72">
                    <a:moveTo>
                      <a:pt x="48" y="6"/>
                    </a:moveTo>
                    <a:lnTo>
                      <a:pt x="48" y="6"/>
                    </a:lnTo>
                    <a:lnTo>
                      <a:pt x="6" y="0"/>
                    </a:lnTo>
                    <a:lnTo>
                      <a:pt x="42" y="12"/>
                    </a:lnTo>
                    <a:lnTo>
                      <a:pt x="0" y="72"/>
                    </a:lnTo>
                    <a:lnTo>
                      <a:pt x="18" y="54"/>
                    </a:lnTo>
                    <a:lnTo>
                      <a:pt x="18" y="66"/>
                    </a:lnTo>
                    <a:lnTo>
                      <a:pt x="48" y="6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8" name="Freeform 28">
                <a:extLst>
                  <a:ext uri="{FF2B5EF4-FFF2-40B4-BE49-F238E27FC236}">
                    <a16:creationId xmlns:a16="http://schemas.microsoft.com/office/drawing/2014/main" id="{7B16E9AE-E772-9EEF-8DAF-BA459248F060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437" y="3027"/>
                <a:ext cx="288" cy="84"/>
              </a:xfrm>
              <a:custGeom>
                <a:avLst/>
                <a:gdLst>
                  <a:gd name="T0" fmla="*/ 312 w 287"/>
                  <a:gd name="T1" fmla="*/ 0 h 84"/>
                  <a:gd name="T2" fmla="*/ 0 w 287"/>
                  <a:gd name="T3" fmla="*/ 84 h 84"/>
                  <a:gd name="T4" fmla="*/ 193 w 287"/>
                  <a:gd name="T5" fmla="*/ 36 h 84"/>
                  <a:gd name="T6" fmla="*/ 114 w 287"/>
                  <a:gd name="T7" fmla="*/ 60 h 84"/>
                  <a:gd name="T8" fmla="*/ 301 w 287"/>
                  <a:gd name="T9" fmla="*/ 18 h 84"/>
                  <a:gd name="T10" fmla="*/ 312 w 287"/>
                  <a:gd name="T11" fmla="*/ 0 h 84"/>
                  <a:gd name="T12" fmla="*/ 312 w 287"/>
                  <a:gd name="T13" fmla="*/ 0 h 84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</a:gdLst>
                <a:ahLst/>
                <a:cxnLst>
                  <a:cxn ang="T14">
                    <a:pos x="T0" y="T1"/>
                  </a:cxn>
                  <a:cxn ang="T15">
                    <a:pos x="T2" y="T3"/>
                  </a:cxn>
                  <a:cxn ang="T16">
                    <a:pos x="T4" y="T5"/>
                  </a:cxn>
                  <a:cxn ang="T17">
                    <a:pos x="T6" y="T7"/>
                  </a:cxn>
                  <a:cxn ang="T18">
                    <a:pos x="T8" y="T9"/>
                  </a:cxn>
                  <a:cxn ang="T19">
                    <a:pos x="T10" y="T11"/>
                  </a:cxn>
                  <a:cxn ang="T20">
                    <a:pos x="T12" y="T13"/>
                  </a:cxn>
                </a:cxnLst>
                <a:rect l="0" t="0" r="r" b="b"/>
                <a:pathLst>
                  <a:path w="287" h="84">
                    <a:moveTo>
                      <a:pt x="287" y="0"/>
                    </a:moveTo>
                    <a:lnTo>
                      <a:pt x="0" y="84"/>
                    </a:lnTo>
                    <a:lnTo>
                      <a:pt x="168" y="36"/>
                    </a:lnTo>
                    <a:lnTo>
                      <a:pt x="114" y="60"/>
                    </a:lnTo>
                    <a:lnTo>
                      <a:pt x="276" y="18"/>
                    </a:lnTo>
                    <a:lnTo>
                      <a:pt x="287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" name="Freeform 29">
                <a:extLst>
                  <a:ext uri="{FF2B5EF4-FFF2-40B4-BE49-F238E27FC236}">
                    <a16:creationId xmlns:a16="http://schemas.microsoft.com/office/drawing/2014/main" id="{F4CE9893-02EE-4398-F682-C1D8AE700887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828" y="3003"/>
                <a:ext cx="66" cy="108"/>
              </a:xfrm>
              <a:custGeom>
                <a:avLst/>
                <a:gdLst>
                  <a:gd name="T0" fmla="*/ 6 w 66"/>
                  <a:gd name="T1" fmla="*/ 0 h 108"/>
                  <a:gd name="T2" fmla="*/ 66 w 66"/>
                  <a:gd name="T3" fmla="*/ 6 h 108"/>
                  <a:gd name="T4" fmla="*/ 0 w 66"/>
                  <a:gd name="T5" fmla="*/ 84 h 108"/>
                  <a:gd name="T6" fmla="*/ 54 w 66"/>
                  <a:gd name="T7" fmla="*/ 24 h 108"/>
                  <a:gd name="T8" fmla="*/ 6 w 66"/>
                  <a:gd name="T9" fmla="*/ 108 h 108"/>
                  <a:gd name="T10" fmla="*/ 66 w 66"/>
                  <a:gd name="T11" fmla="*/ 6 h 108"/>
                  <a:gd name="T12" fmla="*/ 6 w 66"/>
                  <a:gd name="T13" fmla="*/ 0 h 108"/>
                  <a:gd name="T14" fmla="*/ 6 w 66"/>
                  <a:gd name="T15" fmla="*/ 0 h 108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0" t="0" r="r" b="b"/>
                <a:pathLst>
                  <a:path w="66" h="108">
                    <a:moveTo>
                      <a:pt x="6" y="0"/>
                    </a:moveTo>
                    <a:lnTo>
                      <a:pt x="66" y="6"/>
                    </a:lnTo>
                    <a:lnTo>
                      <a:pt x="0" y="84"/>
                    </a:lnTo>
                    <a:lnTo>
                      <a:pt x="54" y="24"/>
                    </a:lnTo>
                    <a:lnTo>
                      <a:pt x="6" y="108"/>
                    </a:lnTo>
                    <a:lnTo>
                      <a:pt x="66" y="6"/>
                    </a:lnTo>
                    <a:lnTo>
                      <a:pt x="6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30" name="Freeform 30">
                <a:extLst>
                  <a:ext uri="{FF2B5EF4-FFF2-40B4-BE49-F238E27FC236}">
                    <a16:creationId xmlns:a16="http://schemas.microsoft.com/office/drawing/2014/main" id="{3D9EA14B-A654-6E8D-88D9-FA594292871D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366" y="3111"/>
                <a:ext cx="77" cy="42"/>
              </a:xfrm>
              <a:custGeom>
                <a:avLst/>
                <a:gdLst>
                  <a:gd name="T0" fmla="*/ 36 w 77"/>
                  <a:gd name="T1" fmla="*/ 0 h 42"/>
                  <a:gd name="T2" fmla="*/ 42 w 77"/>
                  <a:gd name="T3" fmla="*/ 0 h 42"/>
                  <a:gd name="T4" fmla="*/ 60 w 77"/>
                  <a:gd name="T5" fmla="*/ 6 h 42"/>
                  <a:gd name="T6" fmla="*/ 48 w 77"/>
                  <a:gd name="T7" fmla="*/ 6 h 42"/>
                  <a:gd name="T8" fmla="*/ 42 w 77"/>
                  <a:gd name="T9" fmla="*/ 6 h 42"/>
                  <a:gd name="T10" fmla="*/ 60 w 77"/>
                  <a:gd name="T11" fmla="*/ 6 h 42"/>
                  <a:gd name="T12" fmla="*/ 0 w 77"/>
                  <a:gd name="T13" fmla="*/ 24 h 42"/>
                  <a:gd name="T14" fmla="*/ 71 w 77"/>
                  <a:gd name="T15" fmla="*/ 6 h 42"/>
                  <a:gd name="T16" fmla="*/ 66 w 77"/>
                  <a:gd name="T17" fmla="*/ 42 h 42"/>
                  <a:gd name="T18" fmla="*/ 77 w 77"/>
                  <a:gd name="T19" fmla="*/ 6 h 42"/>
                  <a:gd name="T20" fmla="*/ 36 w 77"/>
                  <a:gd name="T21" fmla="*/ 0 h 42"/>
                  <a:gd name="T22" fmla="*/ 36 w 77"/>
                  <a:gd name="T23" fmla="*/ 0 h 42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</a:gdLst>
                <a:ahLst/>
                <a:cxnLst>
                  <a:cxn ang="T24">
                    <a:pos x="T0" y="T1"/>
                  </a:cxn>
                  <a:cxn ang="T25">
                    <a:pos x="T2" y="T3"/>
                  </a:cxn>
                  <a:cxn ang="T26">
                    <a:pos x="T4" y="T5"/>
                  </a:cxn>
                  <a:cxn ang="T27">
                    <a:pos x="T6" y="T7"/>
                  </a:cxn>
                  <a:cxn ang="T28">
                    <a:pos x="T8" y="T9"/>
                  </a:cxn>
                  <a:cxn ang="T29">
                    <a:pos x="T10" y="T11"/>
                  </a:cxn>
                  <a:cxn ang="T30">
                    <a:pos x="T12" y="T13"/>
                  </a:cxn>
                  <a:cxn ang="T31">
                    <a:pos x="T14" y="T15"/>
                  </a:cxn>
                  <a:cxn ang="T32">
                    <a:pos x="T16" y="T17"/>
                  </a:cxn>
                  <a:cxn ang="T33">
                    <a:pos x="T18" y="T19"/>
                  </a:cxn>
                  <a:cxn ang="T34">
                    <a:pos x="T20" y="T21"/>
                  </a:cxn>
                  <a:cxn ang="T35">
                    <a:pos x="T22" y="T23"/>
                  </a:cxn>
                </a:cxnLst>
                <a:rect l="0" t="0" r="r" b="b"/>
                <a:pathLst>
                  <a:path w="77" h="42">
                    <a:moveTo>
                      <a:pt x="36" y="0"/>
                    </a:moveTo>
                    <a:lnTo>
                      <a:pt x="42" y="0"/>
                    </a:lnTo>
                    <a:lnTo>
                      <a:pt x="60" y="6"/>
                    </a:lnTo>
                    <a:lnTo>
                      <a:pt x="48" y="6"/>
                    </a:lnTo>
                    <a:lnTo>
                      <a:pt x="42" y="6"/>
                    </a:lnTo>
                    <a:lnTo>
                      <a:pt x="60" y="6"/>
                    </a:lnTo>
                    <a:lnTo>
                      <a:pt x="0" y="24"/>
                    </a:lnTo>
                    <a:lnTo>
                      <a:pt x="71" y="6"/>
                    </a:lnTo>
                    <a:lnTo>
                      <a:pt x="66" y="42"/>
                    </a:lnTo>
                    <a:lnTo>
                      <a:pt x="77" y="6"/>
                    </a:lnTo>
                    <a:lnTo>
                      <a:pt x="36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31" name="Freeform 31">
                <a:extLst>
                  <a:ext uri="{FF2B5EF4-FFF2-40B4-BE49-F238E27FC236}">
                    <a16:creationId xmlns:a16="http://schemas.microsoft.com/office/drawing/2014/main" id="{B608B087-3C4D-0D5D-9DAC-69DCF6FC5974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498" y="3165"/>
                <a:ext cx="66" cy="30"/>
              </a:xfrm>
              <a:custGeom>
                <a:avLst/>
                <a:gdLst>
                  <a:gd name="T0" fmla="*/ 66 w 66"/>
                  <a:gd name="T1" fmla="*/ 6 h 30"/>
                  <a:gd name="T2" fmla="*/ 0 w 66"/>
                  <a:gd name="T3" fmla="*/ 0 h 30"/>
                  <a:gd name="T4" fmla="*/ 54 w 66"/>
                  <a:gd name="T5" fmla="*/ 6 h 30"/>
                  <a:gd name="T6" fmla="*/ 18 w 66"/>
                  <a:gd name="T7" fmla="*/ 18 h 30"/>
                  <a:gd name="T8" fmla="*/ 60 w 66"/>
                  <a:gd name="T9" fmla="*/ 12 h 30"/>
                  <a:gd name="T10" fmla="*/ 60 w 66"/>
                  <a:gd name="T11" fmla="*/ 30 h 30"/>
                  <a:gd name="T12" fmla="*/ 60 w 66"/>
                  <a:gd name="T13" fmla="*/ 30 h 30"/>
                  <a:gd name="T14" fmla="*/ 66 w 66"/>
                  <a:gd name="T15" fmla="*/ 6 h 30"/>
                  <a:gd name="T16" fmla="*/ 66 w 66"/>
                  <a:gd name="T17" fmla="*/ 6 h 30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66" h="30">
                    <a:moveTo>
                      <a:pt x="66" y="6"/>
                    </a:moveTo>
                    <a:lnTo>
                      <a:pt x="0" y="0"/>
                    </a:lnTo>
                    <a:lnTo>
                      <a:pt x="54" y="6"/>
                    </a:lnTo>
                    <a:lnTo>
                      <a:pt x="18" y="18"/>
                    </a:lnTo>
                    <a:lnTo>
                      <a:pt x="60" y="12"/>
                    </a:lnTo>
                    <a:lnTo>
                      <a:pt x="60" y="30"/>
                    </a:lnTo>
                    <a:lnTo>
                      <a:pt x="66" y="6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200" name="Freeform 32">
                <a:extLst>
                  <a:ext uri="{FF2B5EF4-FFF2-40B4-BE49-F238E27FC236}">
                    <a16:creationId xmlns:a16="http://schemas.microsoft.com/office/drawing/2014/main" id="{5BD319D0-6D6F-85E9-3B59-B85D8D10D5C5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840" y="2919"/>
                <a:ext cx="18" cy="60"/>
              </a:xfrm>
              <a:custGeom>
                <a:avLst/>
                <a:gdLst>
                  <a:gd name="T0" fmla="*/ 0 w 18"/>
                  <a:gd name="T1" fmla="*/ 24 h 60"/>
                  <a:gd name="T2" fmla="*/ 12 w 18"/>
                  <a:gd name="T3" fmla="*/ 24 h 60"/>
                  <a:gd name="T4" fmla="*/ 12 w 18"/>
                  <a:gd name="T5" fmla="*/ 60 h 60"/>
                  <a:gd name="T6" fmla="*/ 18 w 18"/>
                  <a:gd name="T7" fmla="*/ 18 h 60"/>
                  <a:gd name="T8" fmla="*/ 18 w 18"/>
                  <a:gd name="T9" fmla="*/ 18 h 60"/>
                  <a:gd name="T10" fmla="*/ 18 w 18"/>
                  <a:gd name="T11" fmla="*/ 0 h 60"/>
                  <a:gd name="T12" fmla="*/ 12 w 18"/>
                  <a:gd name="T13" fmla="*/ 18 h 60"/>
                  <a:gd name="T14" fmla="*/ 0 w 18"/>
                  <a:gd name="T15" fmla="*/ 24 h 60"/>
                  <a:gd name="T16" fmla="*/ 0 w 18"/>
                  <a:gd name="T17" fmla="*/ 24 h 60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18" h="60">
                    <a:moveTo>
                      <a:pt x="0" y="24"/>
                    </a:moveTo>
                    <a:lnTo>
                      <a:pt x="12" y="24"/>
                    </a:lnTo>
                    <a:lnTo>
                      <a:pt x="12" y="60"/>
                    </a:lnTo>
                    <a:lnTo>
                      <a:pt x="18" y="18"/>
                    </a:lnTo>
                    <a:lnTo>
                      <a:pt x="18" y="0"/>
                    </a:lnTo>
                    <a:lnTo>
                      <a:pt x="12" y="18"/>
                    </a:lnTo>
                    <a:lnTo>
                      <a:pt x="0" y="24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201" name="Freeform 33">
                <a:extLst>
                  <a:ext uri="{FF2B5EF4-FFF2-40B4-BE49-F238E27FC236}">
                    <a16:creationId xmlns:a16="http://schemas.microsoft.com/office/drawing/2014/main" id="{D4A3E14A-BFD7-4A52-40D0-789E6CF2E175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546" y="3021"/>
                <a:ext cx="6" cy="18"/>
              </a:xfrm>
              <a:custGeom>
                <a:avLst/>
                <a:gdLst>
                  <a:gd name="T0" fmla="*/ 6 w 6"/>
                  <a:gd name="T1" fmla="*/ 0 h 18"/>
                  <a:gd name="T2" fmla="*/ 0 w 6"/>
                  <a:gd name="T3" fmla="*/ 18 h 18"/>
                  <a:gd name="T4" fmla="*/ 6 w 6"/>
                  <a:gd name="T5" fmla="*/ 12 h 18"/>
                  <a:gd name="T6" fmla="*/ 6 w 6"/>
                  <a:gd name="T7" fmla="*/ 0 h 18"/>
                  <a:gd name="T8" fmla="*/ 6 w 6"/>
                  <a:gd name="T9" fmla="*/ 0 h 18"/>
                  <a:gd name="T10" fmla="*/ 0 60000 65536"/>
                  <a:gd name="T11" fmla="*/ 0 60000 65536"/>
                  <a:gd name="T12" fmla="*/ 0 60000 65536"/>
                  <a:gd name="T13" fmla="*/ 0 60000 65536"/>
                  <a:gd name="T14" fmla="*/ 0 60000 65536"/>
                </a:gdLst>
                <a:ahLst/>
                <a:cxnLst>
                  <a:cxn ang="T10">
                    <a:pos x="T0" y="T1"/>
                  </a:cxn>
                  <a:cxn ang="T11">
                    <a:pos x="T2" y="T3"/>
                  </a:cxn>
                  <a:cxn ang="T12">
                    <a:pos x="T4" y="T5"/>
                  </a:cxn>
                  <a:cxn ang="T13">
                    <a:pos x="T6" y="T7"/>
                  </a:cxn>
                  <a:cxn ang="T14">
                    <a:pos x="T8" y="T9"/>
                  </a:cxn>
                </a:cxnLst>
                <a:rect l="0" t="0" r="r" b="b"/>
                <a:pathLst>
                  <a:path w="6" h="18">
                    <a:moveTo>
                      <a:pt x="6" y="0"/>
                    </a:moveTo>
                    <a:lnTo>
                      <a:pt x="0" y="18"/>
                    </a:lnTo>
                    <a:lnTo>
                      <a:pt x="6" y="12"/>
                    </a:lnTo>
                    <a:lnTo>
                      <a:pt x="6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202" name="Freeform 34">
                <a:extLst>
                  <a:ext uri="{FF2B5EF4-FFF2-40B4-BE49-F238E27FC236}">
                    <a16:creationId xmlns:a16="http://schemas.microsoft.com/office/drawing/2014/main" id="{C19697D8-1CFA-2035-9C53-F551856063F1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534" y="2943"/>
                <a:ext cx="30" cy="78"/>
              </a:xfrm>
              <a:custGeom>
                <a:avLst/>
                <a:gdLst>
                  <a:gd name="T0" fmla="*/ 24 w 30"/>
                  <a:gd name="T1" fmla="*/ 6 h 78"/>
                  <a:gd name="T2" fmla="*/ 18 w 30"/>
                  <a:gd name="T3" fmla="*/ 24 h 78"/>
                  <a:gd name="T4" fmla="*/ 0 w 30"/>
                  <a:gd name="T5" fmla="*/ 18 h 78"/>
                  <a:gd name="T6" fmla="*/ 12 w 30"/>
                  <a:gd name="T7" fmla="*/ 30 h 78"/>
                  <a:gd name="T8" fmla="*/ 6 w 30"/>
                  <a:gd name="T9" fmla="*/ 42 h 78"/>
                  <a:gd name="T10" fmla="*/ 18 w 30"/>
                  <a:gd name="T11" fmla="*/ 78 h 78"/>
                  <a:gd name="T12" fmla="*/ 18 w 30"/>
                  <a:gd name="T13" fmla="*/ 24 h 78"/>
                  <a:gd name="T14" fmla="*/ 24 w 30"/>
                  <a:gd name="T15" fmla="*/ 12 h 78"/>
                  <a:gd name="T16" fmla="*/ 30 w 30"/>
                  <a:gd name="T17" fmla="*/ 6 h 78"/>
                  <a:gd name="T18" fmla="*/ 30 w 30"/>
                  <a:gd name="T19" fmla="*/ 6 h 78"/>
                  <a:gd name="T20" fmla="*/ 12 w 30"/>
                  <a:gd name="T21" fmla="*/ 0 h 78"/>
                  <a:gd name="T22" fmla="*/ 24 w 30"/>
                  <a:gd name="T23" fmla="*/ 6 h 78"/>
                  <a:gd name="T24" fmla="*/ 24 w 30"/>
                  <a:gd name="T25" fmla="*/ 6 h 78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</a:gdLst>
                <a:ahLst/>
                <a:cxnLst>
                  <a:cxn ang="T26">
                    <a:pos x="T0" y="T1"/>
                  </a:cxn>
                  <a:cxn ang="T27">
                    <a:pos x="T2" y="T3"/>
                  </a:cxn>
                  <a:cxn ang="T28">
                    <a:pos x="T4" y="T5"/>
                  </a:cxn>
                  <a:cxn ang="T29">
                    <a:pos x="T6" y="T7"/>
                  </a:cxn>
                  <a:cxn ang="T30">
                    <a:pos x="T8" y="T9"/>
                  </a:cxn>
                  <a:cxn ang="T31">
                    <a:pos x="T10" y="T11"/>
                  </a:cxn>
                  <a:cxn ang="T32">
                    <a:pos x="T12" y="T13"/>
                  </a:cxn>
                  <a:cxn ang="T33">
                    <a:pos x="T14" y="T15"/>
                  </a:cxn>
                  <a:cxn ang="T34">
                    <a:pos x="T16" y="T17"/>
                  </a:cxn>
                  <a:cxn ang="T35">
                    <a:pos x="T18" y="T19"/>
                  </a:cxn>
                  <a:cxn ang="T36">
                    <a:pos x="T20" y="T21"/>
                  </a:cxn>
                  <a:cxn ang="T37">
                    <a:pos x="T22" y="T23"/>
                  </a:cxn>
                  <a:cxn ang="T38">
                    <a:pos x="T24" y="T25"/>
                  </a:cxn>
                </a:cxnLst>
                <a:rect l="0" t="0" r="r" b="b"/>
                <a:pathLst>
                  <a:path w="30" h="78">
                    <a:moveTo>
                      <a:pt x="24" y="6"/>
                    </a:moveTo>
                    <a:lnTo>
                      <a:pt x="18" y="24"/>
                    </a:lnTo>
                    <a:lnTo>
                      <a:pt x="0" y="18"/>
                    </a:lnTo>
                    <a:lnTo>
                      <a:pt x="12" y="30"/>
                    </a:lnTo>
                    <a:lnTo>
                      <a:pt x="6" y="42"/>
                    </a:lnTo>
                    <a:lnTo>
                      <a:pt x="18" y="78"/>
                    </a:lnTo>
                    <a:lnTo>
                      <a:pt x="18" y="24"/>
                    </a:lnTo>
                    <a:lnTo>
                      <a:pt x="24" y="12"/>
                    </a:lnTo>
                    <a:lnTo>
                      <a:pt x="30" y="6"/>
                    </a:lnTo>
                    <a:lnTo>
                      <a:pt x="12" y="0"/>
                    </a:lnTo>
                    <a:lnTo>
                      <a:pt x="24" y="6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203" name="Freeform 35">
                <a:extLst>
                  <a:ext uri="{FF2B5EF4-FFF2-40B4-BE49-F238E27FC236}">
                    <a16:creationId xmlns:a16="http://schemas.microsoft.com/office/drawing/2014/main" id="{9CBA5CB3-9EDF-0580-87F1-FDC87FEFF7F4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540" y="3039"/>
                <a:ext cx="24" cy="24"/>
              </a:xfrm>
              <a:custGeom>
                <a:avLst/>
                <a:gdLst>
                  <a:gd name="T0" fmla="*/ 6 w 24"/>
                  <a:gd name="T1" fmla="*/ 0 h 24"/>
                  <a:gd name="T2" fmla="*/ 0 w 24"/>
                  <a:gd name="T3" fmla="*/ 0 h 24"/>
                  <a:gd name="T4" fmla="*/ 6 w 24"/>
                  <a:gd name="T5" fmla="*/ 0 h 24"/>
                  <a:gd name="T6" fmla="*/ 12 w 24"/>
                  <a:gd name="T7" fmla="*/ 6 h 24"/>
                  <a:gd name="T8" fmla="*/ 24 w 24"/>
                  <a:gd name="T9" fmla="*/ 24 h 24"/>
                  <a:gd name="T10" fmla="*/ 24 w 24"/>
                  <a:gd name="T11" fmla="*/ 18 h 24"/>
                  <a:gd name="T12" fmla="*/ 18 w 24"/>
                  <a:gd name="T13" fmla="*/ 6 h 24"/>
                  <a:gd name="T14" fmla="*/ 12 w 24"/>
                  <a:gd name="T15" fmla="*/ 0 h 24"/>
                  <a:gd name="T16" fmla="*/ 6 w 24"/>
                  <a:gd name="T17" fmla="*/ 0 h 24"/>
                  <a:gd name="T18" fmla="*/ 6 w 24"/>
                  <a:gd name="T19" fmla="*/ 0 h 24"/>
                  <a:gd name="T20" fmla="*/ 6 w 24"/>
                  <a:gd name="T21" fmla="*/ 0 h 24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</a:gdLst>
                <a:ahLst/>
                <a:cxnLst>
                  <a:cxn ang="T22">
                    <a:pos x="T0" y="T1"/>
                  </a:cxn>
                  <a:cxn ang="T23">
                    <a:pos x="T2" y="T3"/>
                  </a:cxn>
                  <a:cxn ang="T24">
                    <a:pos x="T4" y="T5"/>
                  </a:cxn>
                  <a:cxn ang="T25">
                    <a:pos x="T6" y="T7"/>
                  </a:cxn>
                  <a:cxn ang="T26">
                    <a:pos x="T8" y="T9"/>
                  </a:cxn>
                  <a:cxn ang="T27">
                    <a:pos x="T10" y="T11"/>
                  </a:cxn>
                  <a:cxn ang="T28">
                    <a:pos x="T12" y="T13"/>
                  </a:cxn>
                  <a:cxn ang="T29">
                    <a:pos x="T14" y="T15"/>
                  </a:cxn>
                  <a:cxn ang="T30">
                    <a:pos x="T16" y="T17"/>
                  </a:cxn>
                  <a:cxn ang="T31">
                    <a:pos x="T18" y="T19"/>
                  </a:cxn>
                  <a:cxn ang="T32">
                    <a:pos x="T20" y="T21"/>
                  </a:cxn>
                </a:cxnLst>
                <a:rect l="0" t="0" r="r" b="b"/>
                <a:pathLst>
                  <a:path w="24" h="24">
                    <a:moveTo>
                      <a:pt x="6" y="0"/>
                    </a:moveTo>
                    <a:lnTo>
                      <a:pt x="0" y="0"/>
                    </a:lnTo>
                    <a:lnTo>
                      <a:pt x="6" y="0"/>
                    </a:lnTo>
                    <a:lnTo>
                      <a:pt x="12" y="6"/>
                    </a:lnTo>
                    <a:lnTo>
                      <a:pt x="24" y="24"/>
                    </a:lnTo>
                    <a:lnTo>
                      <a:pt x="24" y="18"/>
                    </a:lnTo>
                    <a:lnTo>
                      <a:pt x="18" y="6"/>
                    </a:lnTo>
                    <a:lnTo>
                      <a:pt x="12" y="0"/>
                    </a:lnTo>
                    <a:lnTo>
                      <a:pt x="6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204" name="Freeform 36">
                <a:extLst>
                  <a:ext uri="{FF2B5EF4-FFF2-40B4-BE49-F238E27FC236}">
                    <a16:creationId xmlns:a16="http://schemas.microsoft.com/office/drawing/2014/main" id="{2AEA0D6F-A150-7F46-CD33-A527D9299AB4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801" y="2681"/>
                <a:ext cx="215" cy="216"/>
              </a:xfrm>
              <a:custGeom>
                <a:avLst/>
                <a:gdLst>
                  <a:gd name="T0" fmla="*/ 215 w 215"/>
                  <a:gd name="T1" fmla="*/ 0 h 216"/>
                  <a:gd name="T2" fmla="*/ 147 w 215"/>
                  <a:gd name="T3" fmla="*/ 36 h 216"/>
                  <a:gd name="T4" fmla="*/ 132 w 215"/>
                  <a:gd name="T5" fmla="*/ 49 h 216"/>
                  <a:gd name="T6" fmla="*/ 104 w 215"/>
                  <a:gd name="T7" fmla="*/ 79 h 216"/>
                  <a:gd name="T8" fmla="*/ 87 w 215"/>
                  <a:gd name="T9" fmla="*/ 114 h 216"/>
                  <a:gd name="T10" fmla="*/ 48 w 215"/>
                  <a:gd name="T11" fmla="*/ 156 h 216"/>
                  <a:gd name="T12" fmla="*/ 42 w 215"/>
                  <a:gd name="T13" fmla="*/ 166 h 216"/>
                  <a:gd name="T14" fmla="*/ 29 w 215"/>
                  <a:gd name="T15" fmla="*/ 177 h 216"/>
                  <a:gd name="T16" fmla="*/ 0 w 215"/>
                  <a:gd name="T17" fmla="*/ 208 h 216"/>
                  <a:gd name="T18" fmla="*/ 48 w 215"/>
                  <a:gd name="T19" fmla="*/ 216 h 216"/>
                  <a:gd name="T20" fmla="*/ 215 w 215"/>
                  <a:gd name="T21" fmla="*/ 0 h 21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</a:gdLst>
                <a:ahLst/>
                <a:cxnLst>
                  <a:cxn ang="T22">
                    <a:pos x="T0" y="T1"/>
                  </a:cxn>
                  <a:cxn ang="T23">
                    <a:pos x="T2" y="T3"/>
                  </a:cxn>
                  <a:cxn ang="T24">
                    <a:pos x="T4" y="T5"/>
                  </a:cxn>
                  <a:cxn ang="T25">
                    <a:pos x="T6" y="T7"/>
                  </a:cxn>
                  <a:cxn ang="T26">
                    <a:pos x="T8" y="T9"/>
                  </a:cxn>
                  <a:cxn ang="T27">
                    <a:pos x="T10" y="T11"/>
                  </a:cxn>
                  <a:cxn ang="T28">
                    <a:pos x="T12" y="T13"/>
                  </a:cxn>
                  <a:cxn ang="T29">
                    <a:pos x="T14" y="T15"/>
                  </a:cxn>
                  <a:cxn ang="T30">
                    <a:pos x="T16" y="T17"/>
                  </a:cxn>
                  <a:cxn ang="T31">
                    <a:pos x="T18" y="T19"/>
                  </a:cxn>
                  <a:cxn ang="T32">
                    <a:pos x="T20" y="T21"/>
                  </a:cxn>
                </a:cxnLst>
                <a:rect l="0" t="0" r="r" b="b"/>
                <a:pathLst>
                  <a:path w="215" h="216">
                    <a:moveTo>
                      <a:pt x="215" y="0"/>
                    </a:moveTo>
                    <a:lnTo>
                      <a:pt x="147" y="36"/>
                    </a:lnTo>
                    <a:lnTo>
                      <a:pt x="132" y="49"/>
                    </a:lnTo>
                    <a:lnTo>
                      <a:pt x="104" y="79"/>
                    </a:lnTo>
                    <a:lnTo>
                      <a:pt x="87" y="114"/>
                    </a:lnTo>
                    <a:lnTo>
                      <a:pt x="48" y="156"/>
                    </a:lnTo>
                    <a:lnTo>
                      <a:pt x="42" y="166"/>
                    </a:lnTo>
                    <a:lnTo>
                      <a:pt x="29" y="177"/>
                    </a:lnTo>
                    <a:lnTo>
                      <a:pt x="0" y="208"/>
                    </a:lnTo>
                    <a:lnTo>
                      <a:pt x="48" y="216"/>
                    </a:lnTo>
                    <a:lnTo>
                      <a:pt x="215" y="0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205" name="Freeform 37">
                <a:extLst>
                  <a:ext uri="{FF2B5EF4-FFF2-40B4-BE49-F238E27FC236}">
                    <a16:creationId xmlns:a16="http://schemas.microsoft.com/office/drawing/2014/main" id="{7C5CD7D3-0F00-CC54-08B2-81207CD21A52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536" y="2710"/>
                <a:ext cx="212" cy="179"/>
              </a:xfrm>
              <a:custGeom>
                <a:avLst/>
                <a:gdLst>
                  <a:gd name="T0" fmla="*/ 212 w 212"/>
                  <a:gd name="T1" fmla="*/ 0 h 179"/>
                  <a:gd name="T2" fmla="*/ 144 w 212"/>
                  <a:gd name="T3" fmla="*/ 36 h 179"/>
                  <a:gd name="T4" fmla="*/ 0 w 212"/>
                  <a:gd name="T5" fmla="*/ 179 h 179"/>
                  <a:gd name="T6" fmla="*/ 177 w 212"/>
                  <a:gd name="T7" fmla="*/ 85 h 179"/>
                  <a:gd name="T8" fmla="*/ 212 w 212"/>
                  <a:gd name="T9" fmla="*/ 0 h 179"/>
                  <a:gd name="T10" fmla="*/ 0 60000 65536"/>
                  <a:gd name="T11" fmla="*/ 0 60000 65536"/>
                  <a:gd name="T12" fmla="*/ 0 60000 65536"/>
                  <a:gd name="T13" fmla="*/ 0 60000 65536"/>
                  <a:gd name="T14" fmla="*/ 0 60000 65536"/>
                </a:gdLst>
                <a:ahLst/>
                <a:cxnLst>
                  <a:cxn ang="T10">
                    <a:pos x="T0" y="T1"/>
                  </a:cxn>
                  <a:cxn ang="T11">
                    <a:pos x="T2" y="T3"/>
                  </a:cxn>
                  <a:cxn ang="T12">
                    <a:pos x="T4" y="T5"/>
                  </a:cxn>
                  <a:cxn ang="T13">
                    <a:pos x="T6" y="T7"/>
                  </a:cxn>
                  <a:cxn ang="T14">
                    <a:pos x="T8" y="T9"/>
                  </a:cxn>
                </a:cxnLst>
                <a:rect l="0" t="0" r="r" b="b"/>
                <a:pathLst>
                  <a:path w="212" h="179">
                    <a:moveTo>
                      <a:pt x="212" y="0"/>
                    </a:moveTo>
                    <a:lnTo>
                      <a:pt x="144" y="36"/>
                    </a:lnTo>
                    <a:lnTo>
                      <a:pt x="0" y="179"/>
                    </a:lnTo>
                    <a:lnTo>
                      <a:pt x="177" y="85"/>
                    </a:lnTo>
                    <a:lnTo>
                      <a:pt x="212" y="0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206" name="Freeform 38">
                <a:extLst>
                  <a:ext uri="{FF2B5EF4-FFF2-40B4-BE49-F238E27FC236}">
                    <a16:creationId xmlns:a16="http://schemas.microsoft.com/office/drawing/2014/main" id="{97192B82-1C97-68BC-4D30-721BFAC65F8B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1037" y="2609"/>
                <a:ext cx="64" cy="79"/>
              </a:xfrm>
              <a:custGeom>
                <a:avLst/>
                <a:gdLst>
                  <a:gd name="T0" fmla="*/ 0 w 64"/>
                  <a:gd name="T1" fmla="*/ 22 h 79"/>
                  <a:gd name="T2" fmla="*/ 64 w 64"/>
                  <a:gd name="T3" fmla="*/ 79 h 79"/>
                  <a:gd name="T4" fmla="*/ 60 w 64"/>
                  <a:gd name="T5" fmla="*/ 0 h 79"/>
                  <a:gd name="T6" fmla="*/ 0 w 64"/>
                  <a:gd name="T7" fmla="*/ 22 h 79"/>
                  <a:gd name="T8" fmla="*/ 0 60000 65536"/>
                  <a:gd name="T9" fmla="*/ 0 60000 65536"/>
                  <a:gd name="T10" fmla="*/ 0 60000 65536"/>
                  <a:gd name="T11" fmla="*/ 0 60000 65536"/>
                </a:gdLst>
                <a:ahLst/>
                <a:cxnLst>
                  <a:cxn ang="T8">
                    <a:pos x="T0" y="T1"/>
                  </a:cxn>
                  <a:cxn ang="T9">
                    <a:pos x="T2" y="T3"/>
                  </a:cxn>
                  <a:cxn ang="T10">
                    <a:pos x="T4" y="T5"/>
                  </a:cxn>
                  <a:cxn ang="T11">
                    <a:pos x="T6" y="T7"/>
                  </a:cxn>
                </a:cxnLst>
                <a:rect l="0" t="0" r="r" b="b"/>
                <a:pathLst>
                  <a:path w="64" h="79">
                    <a:moveTo>
                      <a:pt x="0" y="22"/>
                    </a:moveTo>
                    <a:lnTo>
                      <a:pt x="64" y="79"/>
                    </a:lnTo>
                    <a:lnTo>
                      <a:pt x="60" y="0"/>
                    </a:lnTo>
                    <a:lnTo>
                      <a:pt x="0" y="22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207" name="Freeform 39">
                <a:extLst>
                  <a:ext uri="{FF2B5EF4-FFF2-40B4-BE49-F238E27FC236}">
                    <a16:creationId xmlns:a16="http://schemas.microsoft.com/office/drawing/2014/main" id="{117CC8BD-4AAB-E8A2-E23E-B7C249FF6F6C}"/>
                  </a:ext>
                </a:extLst>
              </p:cNvPr>
              <p:cNvSpPr>
                <a:spLocks/>
              </p:cNvSpPr>
              <p:nvPr userDrawn="1"/>
            </p:nvSpPr>
            <p:spPr bwMode="hidden">
              <a:xfrm>
                <a:off x="867" y="2471"/>
                <a:ext cx="137" cy="207"/>
              </a:xfrm>
              <a:custGeom>
                <a:avLst/>
                <a:gdLst>
                  <a:gd name="T0" fmla="*/ 0 w 137"/>
                  <a:gd name="T1" fmla="*/ 0 h 207"/>
                  <a:gd name="T2" fmla="*/ 17 w 137"/>
                  <a:gd name="T3" fmla="*/ 87 h 207"/>
                  <a:gd name="T4" fmla="*/ 69 w 137"/>
                  <a:gd name="T5" fmla="*/ 154 h 207"/>
                  <a:gd name="T6" fmla="*/ 137 w 137"/>
                  <a:gd name="T7" fmla="*/ 207 h 207"/>
                  <a:gd name="T8" fmla="*/ 0 w 137"/>
                  <a:gd name="T9" fmla="*/ 0 h 207"/>
                  <a:gd name="T10" fmla="*/ 0 60000 65536"/>
                  <a:gd name="T11" fmla="*/ 0 60000 65536"/>
                  <a:gd name="T12" fmla="*/ 0 60000 65536"/>
                  <a:gd name="T13" fmla="*/ 0 60000 65536"/>
                  <a:gd name="T14" fmla="*/ 0 60000 65536"/>
                </a:gdLst>
                <a:ahLst/>
                <a:cxnLst>
                  <a:cxn ang="T10">
                    <a:pos x="T0" y="T1"/>
                  </a:cxn>
                  <a:cxn ang="T11">
                    <a:pos x="T2" y="T3"/>
                  </a:cxn>
                  <a:cxn ang="T12">
                    <a:pos x="T4" y="T5"/>
                  </a:cxn>
                  <a:cxn ang="T13">
                    <a:pos x="T6" y="T7"/>
                  </a:cxn>
                  <a:cxn ang="T14">
                    <a:pos x="T8" y="T9"/>
                  </a:cxn>
                </a:cxnLst>
                <a:rect l="0" t="0" r="r" b="b"/>
                <a:pathLst>
                  <a:path w="137" h="207">
                    <a:moveTo>
                      <a:pt x="0" y="0"/>
                    </a:moveTo>
                    <a:lnTo>
                      <a:pt x="17" y="87"/>
                    </a:lnTo>
                    <a:lnTo>
                      <a:pt x="69" y="154"/>
                    </a:lnTo>
                    <a:lnTo>
                      <a:pt x="137" y="207"/>
                    </a:lnTo>
                    <a:lnTo>
                      <a:pt x="0" y="0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208" name="Freeform 40">
                <a:extLst>
                  <a:ext uri="{FF2B5EF4-FFF2-40B4-BE49-F238E27FC236}">
                    <a16:creationId xmlns:a16="http://schemas.microsoft.com/office/drawing/2014/main" id="{1A6EEEAB-9C2A-198E-AE4B-47212F0CB4ED}"/>
                  </a:ext>
                </a:extLst>
              </p:cNvPr>
              <p:cNvSpPr>
                <a:spLocks/>
              </p:cNvSpPr>
              <p:nvPr userDrawn="1"/>
            </p:nvSpPr>
            <p:spPr bwMode="hidden">
              <a:xfrm>
                <a:off x="817" y="2507"/>
                <a:ext cx="65" cy="222"/>
              </a:xfrm>
              <a:custGeom>
                <a:avLst/>
                <a:gdLst>
                  <a:gd name="T0" fmla="*/ 0 w 65"/>
                  <a:gd name="T1" fmla="*/ 222 h 222"/>
                  <a:gd name="T2" fmla="*/ 40 w 65"/>
                  <a:gd name="T3" fmla="*/ 142 h 222"/>
                  <a:gd name="T4" fmla="*/ 65 w 65"/>
                  <a:gd name="T5" fmla="*/ 72 h 222"/>
                  <a:gd name="T6" fmla="*/ 7 w 65"/>
                  <a:gd name="T7" fmla="*/ 0 h 222"/>
                  <a:gd name="T8" fmla="*/ 0 w 65"/>
                  <a:gd name="T9" fmla="*/ 222 h 222"/>
                  <a:gd name="T10" fmla="*/ 0 60000 65536"/>
                  <a:gd name="T11" fmla="*/ 0 60000 65536"/>
                  <a:gd name="T12" fmla="*/ 0 60000 65536"/>
                  <a:gd name="T13" fmla="*/ 0 60000 65536"/>
                  <a:gd name="T14" fmla="*/ 0 60000 65536"/>
                </a:gdLst>
                <a:ahLst/>
                <a:cxnLst>
                  <a:cxn ang="T10">
                    <a:pos x="T0" y="T1"/>
                  </a:cxn>
                  <a:cxn ang="T11">
                    <a:pos x="T2" y="T3"/>
                  </a:cxn>
                  <a:cxn ang="T12">
                    <a:pos x="T4" y="T5"/>
                  </a:cxn>
                  <a:cxn ang="T13">
                    <a:pos x="T6" y="T7"/>
                  </a:cxn>
                  <a:cxn ang="T14">
                    <a:pos x="T8" y="T9"/>
                  </a:cxn>
                </a:cxnLst>
                <a:rect l="0" t="0" r="r" b="b"/>
                <a:pathLst>
                  <a:path w="65" h="222">
                    <a:moveTo>
                      <a:pt x="0" y="222"/>
                    </a:moveTo>
                    <a:lnTo>
                      <a:pt x="40" y="142"/>
                    </a:lnTo>
                    <a:lnTo>
                      <a:pt x="65" y="72"/>
                    </a:lnTo>
                    <a:lnTo>
                      <a:pt x="7" y="0"/>
                    </a:lnTo>
                    <a:lnTo>
                      <a:pt x="0" y="222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</p:grpSp>
      </p:grpSp>
      <p:sp>
        <p:nvSpPr>
          <p:cNvPr id="7209" name="Rectangle 41"/>
          <p:cNvSpPr>
            <a:spLocks noGrp="1" noChangeArrowheads="1"/>
          </p:cNvSpPr>
          <p:nvPr>
            <p:ph type="ctrTitle"/>
          </p:nvPr>
        </p:nvSpPr>
        <p:spPr>
          <a:xfrm>
            <a:off x="685800" y="1447800"/>
            <a:ext cx="7772400" cy="1470025"/>
          </a:xfrm>
        </p:spPr>
        <p:txBody>
          <a:bodyPr/>
          <a:lstStyle>
            <a:lvl1pPr>
              <a:defRPr/>
            </a:lvl1pPr>
          </a:lstStyle>
          <a:p>
            <a:pPr lvl="0"/>
            <a:r>
              <a:rPr lang="en-US" noProof="0"/>
              <a:t>Click to edit Master title style</a:t>
            </a:r>
          </a:p>
        </p:txBody>
      </p:sp>
      <p:sp>
        <p:nvSpPr>
          <p:cNvPr id="7210" name="Rectangle 42"/>
          <p:cNvSpPr>
            <a:spLocks noGrp="1" noChangeArrowheads="1"/>
          </p:cNvSpPr>
          <p:nvPr>
            <p:ph type="subTitle" idx="1"/>
          </p:nvPr>
        </p:nvSpPr>
        <p:spPr>
          <a:xfrm>
            <a:off x="1371600" y="3203575"/>
            <a:ext cx="6400800" cy="1752600"/>
          </a:xfrm>
        </p:spPr>
        <p:txBody>
          <a:bodyPr/>
          <a:lstStyle>
            <a:lvl1pPr marL="0" indent="0" algn="ctr">
              <a:buFont typeface="Wingdings" charset="0"/>
              <a:buNone/>
              <a:defRPr/>
            </a:lvl1pPr>
          </a:lstStyle>
          <a:p>
            <a:pPr lvl="0"/>
            <a:r>
              <a:rPr lang="en-US" noProof="0"/>
              <a:t>Click to edit Master subtitle style</a:t>
            </a:r>
          </a:p>
        </p:txBody>
      </p:sp>
      <p:sp>
        <p:nvSpPr>
          <p:cNvPr id="7211" name="Rectangle 43">
            <a:extLst>
              <a:ext uri="{FF2B5EF4-FFF2-40B4-BE49-F238E27FC236}">
                <a16:creationId xmlns:a16="http://schemas.microsoft.com/office/drawing/2014/main" id="{18247CC7-F05A-A6F4-96B2-AC16444AA954}"/>
              </a:ext>
            </a:extLst>
          </p:cNvPr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212" name="Rectangle 44">
            <a:extLst>
              <a:ext uri="{FF2B5EF4-FFF2-40B4-BE49-F238E27FC236}">
                <a16:creationId xmlns:a16="http://schemas.microsoft.com/office/drawing/2014/main" id="{7DFD5649-F8EA-B146-0F5A-FF7B28673853}"/>
              </a:ext>
            </a:extLst>
          </p:cNvPr>
          <p:cNvSpPr>
            <a:spLocks noGrp="1" noChangeArrowheads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213" name="Rectangle 45">
            <a:extLst>
              <a:ext uri="{FF2B5EF4-FFF2-40B4-BE49-F238E27FC236}">
                <a16:creationId xmlns:a16="http://schemas.microsoft.com/office/drawing/2014/main" id="{A7771D06-3C78-590A-6C82-3B75633AB03F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C4BBDB7-FAC1-4200-9942-025BA8AC2CC7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38328391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Rectangle 43">
            <a:extLst>
              <a:ext uri="{FF2B5EF4-FFF2-40B4-BE49-F238E27FC236}">
                <a16:creationId xmlns:a16="http://schemas.microsoft.com/office/drawing/2014/main" id="{2440662A-C3FD-2E28-9BA8-8E29F387411E}"/>
              </a:ext>
            </a:extLst>
          </p:cNvPr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44">
            <a:extLst>
              <a:ext uri="{FF2B5EF4-FFF2-40B4-BE49-F238E27FC236}">
                <a16:creationId xmlns:a16="http://schemas.microsoft.com/office/drawing/2014/main" id="{6CC1E527-046D-DDE4-F64F-DBC894FF7B1F}"/>
              </a:ext>
            </a:extLst>
          </p:cNvPr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45">
            <a:extLst>
              <a:ext uri="{FF2B5EF4-FFF2-40B4-BE49-F238E27FC236}">
                <a16:creationId xmlns:a16="http://schemas.microsoft.com/office/drawing/2014/main" id="{9CD6EF59-A642-0679-5CE7-D18B472CA534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F9F84E4-F34D-415C-B587-BF5863F7D6E1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7099345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158750"/>
            <a:ext cx="2057400" cy="597217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58750"/>
            <a:ext cx="6019800" cy="597217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Rectangle 43">
            <a:extLst>
              <a:ext uri="{FF2B5EF4-FFF2-40B4-BE49-F238E27FC236}">
                <a16:creationId xmlns:a16="http://schemas.microsoft.com/office/drawing/2014/main" id="{3A5EB1AF-A269-FA00-53CC-E45A7564B2C5}"/>
              </a:ext>
            </a:extLst>
          </p:cNvPr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44">
            <a:extLst>
              <a:ext uri="{FF2B5EF4-FFF2-40B4-BE49-F238E27FC236}">
                <a16:creationId xmlns:a16="http://schemas.microsoft.com/office/drawing/2014/main" id="{8E446F2B-CEC3-2E82-E58E-6585CE3DAD71}"/>
              </a:ext>
            </a:extLst>
          </p:cNvPr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45">
            <a:extLst>
              <a:ext uri="{FF2B5EF4-FFF2-40B4-BE49-F238E27FC236}">
                <a16:creationId xmlns:a16="http://schemas.microsoft.com/office/drawing/2014/main" id="{EBA8EDBE-44C7-C70D-63A0-EE0CAC0C7ACA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85E3751-855E-4300-9C29-EEC8DFDC2996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79553055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Rectangle 43">
            <a:extLst>
              <a:ext uri="{FF2B5EF4-FFF2-40B4-BE49-F238E27FC236}">
                <a16:creationId xmlns:a16="http://schemas.microsoft.com/office/drawing/2014/main" id="{0E1CA449-2AF3-3194-C177-6483535F38CB}"/>
              </a:ext>
            </a:extLst>
          </p:cNvPr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44">
            <a:extLst>
              <a:ext uri="{FF2B5EF4-FFF2-40B4-BE49-F238E27FC236}">
                <a16:creationId xmlns:a16="http://schemas.microsoft.com/office/drawing/2014/main" id="{A56808A7-6205-488E-484F-7D1353505FE7}"/>
              </a:ext>
            </a:extLst>
          </p:cNvPr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45">
            <a:extLst>
              <a:ext uri="{FF2B5EF4-FFF2-40B4-BE49-F238E27FC236}">
                <a16:creationId xmlns:a16="http://schemas.microsoft.com/office/drawing/2014/main" id="{C1B8BA7B-D11E-5611-D537-6B5C8944E254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3BA4217-8AFE-461A-AD9F-70D2E120859A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427637061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Rectangle 43">
            <a:extLst>
              <a:ext uri="{FF2B5EF4-FFF2-40B4-BE49-F238E27FC236}">
                <a16:creationId xmlns:a16="http://schemas.microsoft.com/office/drawing/2014/main" id="{4C52174B-E712-9BA9-793F-7F1EC4CA5122}"/>
              </a:ext>
            </a:extLst>
          </p:cNvPr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44">
            <a:extLst>
              <a:ext uri="{FF2B5EF4-FFF2-40B4-BE49-F238E27FC236}">
                <a16:creationId xmlns:a16="http://schemas.microsoft.com/office/drawing/2014/main" id="{E3B4E7AC-EF58-5228-3E7D-A205940D9D0F}"/>
              </a:ext>
            </a:extLst>
          </p:cNvPr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45">
            <a:extLst>
              <a:ext uri="{FF2B5EF4-FFF2-40B4-BE49-F238E27FC236}">
                <a16:creationId xmlns:a16="http://schemas.microsoft.com/office/drawing/2014/main" id="{C8FBB55A-40C7-407D-5A9A-C76AC1BBB5C1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D516BB0-5553-46FB-AE3B-B97F8E0CAA4E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26351406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3072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30725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Rectangle 43">
            <a:extLst>
              <a:ext uri="{FF2B5EF4-FFF2-40B4-BE49-F238E27FC236}">
                <a16:creationId xmlns:a16="http://schemas.microsoft.com/office/drawing/2014/main" id="{0C2656D1-F394-5C69-6493-B81EA1D3E36B}"/>
              </a:ext>
            </a:extLst>
          </p:cNvPr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44">
            <a:extLst>
              <a:ext uri="{FF2B5EF4-FFF2-40B4-BE49-F238E27FC236}">
                <a16:creationId xmlns:a16="http://schemas.microsoft.com/office/drawing/2014/main" id="{4D2A8FCB-4319-FCAF-E88D-ED110F2A5458}"/>
              </a:ext>
            </a:extLst>
          </p:cNvPr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45">
            <a:extLst>
              <a:ext uri="{FF2B5EF4-FFF2-40B4-BE49-F238E27FC236}">
                <a16:creationId xmlns:a16="http://schemas.microsoft.com/office/drawing/2014/main" id="{213611B7-7EC2-73DC-61E3-3584CAE068EC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50B4E2C-9FA9-41F2-B6D0-E0F534794BE4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61802336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Rectangle 43">
            <a:extLst>
              <a:ext uri="{FF2B5EF4-FFF2-40B4-BE49-F238E27FC236}">
                <a16:creationId xmlns:a16="http://schemas.microsoft.com/office/drawing/2014/main" id="{85191D0D-EFF7-6229-794F-BD1867D8313C}"/>
              </a:ext>
            </a:extLst>
          </p:cNvPr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Rectangle 44">
            <a:extLst>
              <a:ext uri="{FF2B5EF4-FFF2-40B4-BE49-F238E27FC236}">
                <a16:creationId xmlns:a16="http://schemas.microsoft.com/office/drawing/2014/main" id="{F5FD92F4-6CA1-1534-EFBC-64C15F99E276}"/>
              </a:ext>
            </a:extLst>
          </p:cNvPr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Rectangle 45">
            <a:extLst>
              <a:ext uri="{FF2B5EF4-FFF2-40B4-BE49-F238E27FC236}">
                <a16:creationId xmlns:a16="http://schemas.microsoft.com/office/drawing/2014/main" id="{B4CC1B87-A403-9AF5-9268-1AD41D8DC8D5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39030F5-ED70-4E4B-9FBD-988C19AA0314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3728635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Rectangle 43">
            <a:extLst>
              <a:ext uri="{FF2B5EF4-FFF2-40B4-BE49-F238E27FC236}">
                <a16:creationId xmlns:a16="http://schemas.microsoft.com/office/drawing/2014/main" id="{758E7556-74C5-0BB7-4EC8-5D3EDAFB5DCE}"/>
              </a:ext>
            </a:extLst>
          </p:cNvPr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44">
            <a:extLst>
              <a:ext uri="{FF2B5EF4-FFF2-40B4-BE49-F238E27FC236}">
                <a16:creationId xmlns:a16="http://schemas.microsoft.com/office/drawing/2014/main" id="{874547CF-CFA7-FB1C-A78E-9F5A180D18D1}"/>
              </a:ext>
            </a:extLst>
          </p:cNvPr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45">
            <a:extLst>
              <a:ext uri="{FF2B5EF4-FFF2-40B4-BE49-F238E27FC236}">
                <a16:creationId xmlns:a16="http://schemas.microsoft.com/office/drawing/2014/main" id="{8395CFC6-E913-0B34-41FE-B32DD7AFAC05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D07D56F-2CC9-45BD-B4A0-0489402F1F5C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64241257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3">
            <a:extLst>
              <a:ext uri="{FF2B5EF4-FFF2-40B4-BE49-F238E27FC236}">
                <a16:creationId xmlns:a16="http://schemas.microsoft.com/office/drawing/2014/main" id="{959F1529-FF5A-8F90-32B0-6EB845977356}"/>
              </a:ext>
            </a:extLst>
          </p:cNvPr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Rectangle 44">
            <a:extLst>
              <a:ext uri="{FF2B5EF4-FFF2-40B4-BE49-F238E27FC236}">
                <a16:creationId xmlns:a16="http://schemas.microsoft.com/office/drawing/2014/main" id="{45771E6A-E2A0-D3FD-16EE-F7B51887F58C}"/>
              </a:ext>
            </a:extLst>
          </p:cNvPr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45">
            <a:extLst>
              <a:ext uri="{FF2B5EF4-FFF2-40B4-BE49-F238E27FC236}">
                <a16:creationId xmlns:a16="http://schemas.microsoft.com/office/drawing/2014/main" id="{353BB8EB-6078-70EB-B3C3-55F74B5E49BF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5CA66FB-40CA-40AB-87BD-37FF8A7DB0D7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23991401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Rectangle 43">
            <a:extLst>
              <a:ext uri="{FF2B5EF4-FFF2-40B4-BE49-F238E27FC236}">
                <a16:creationId xmlns:a16="http://schemas.microsoft.com/office/drawing/2014/main" id="{27753047-36F1-2B8D-DC37-70DCD9724D70}"/>
              </a:ext>
            </a:extLst>
          </p:cNvPr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44">
            <a:extLst>
              <a:ext uri="{FF2B5EF4-FFF2-40B4-BE49-F238E27FC236}">
                <a16:creationId xmlns:a16="http://schemas.microsoft.com/office/drawing/2014/main" id="{89D9D8E8-CBEB-3821-E0A2-A25C81F2FF77}"/>
              </a:ext>
            </a:extLst>
          </p:cNvPr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45">
            <a:extLst>
              <a:ext uri="{FF2B5EF4-FFF2-40B4-BE49-F238E27FC236}">
                <a16:creationId xmlns:a16="http://schemas.microsoft.com/office/drawing/2014/main" id="{2889BD3C-4A73-A74B-5047-5847CF8FEED5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8D4999F-1D16-419B-AB28-BEBD9D4B3219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104950545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Rectangle 43">
            <a:extLst>
              <a:ext uri="{FF2B5EF4-FFF2-40B4-BE49-F238E27FC236}">
                <a16:creationId xmlns:a16="http://schemas.microsoft.com/office/drawing/2014/main" id="{A3FF1962-9D40-6CD1-304A-ACB39D974A59}"/>
              </a:ext>
            </a:extLst>
          </p:cNvPr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44">
            <a:extLst>
              <a:ext uri="{FF2B5EF4-FFF2-40B4-BE49-F238E27FC236}">
                <a16:creationId xmlns:a16="http://schemas.microsoft.com/office/drawing/2014/main" id="{9C35FE25-7AE3-FBB1-5969-366E43246799}"/>
              </a:ext>
            </a:extLst>
          </p:cNvPr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45">
            <a:extLst>
              <a:ext uri="{FF2B5EF4-FFF2-40B4-BE49-F238E27FC236}">
                <a16:creationId xmlns:a16="http://schemas.microsoft.com/office/drawing/2014/main" id="{D13FEACD-0CC4-E318-7603-340EEF202FF3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95D3B79-586E-42FA-8CF7-1C8C99DD82A9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311808888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0">
          <a:gsLst>
            <a:gs pos="0">
              <a:schemeClr val="bg2"/>
            </a:gs>
            <a:gs pos="100000">
              <a:schemeClr val="bg1"/>
            </a:gs>
          </a:gsLst>
          <a:lin ang="189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26" name="Group 2">
            <a:extLst>
              <a:ext uri="{FF2B5EF4-FFF2-40B4-BE49-F238E27FC236}">
                <a16:creationId xmlns:a16="http://schemas.microsoft.com/office/drawing/2014/main" id="{BA028664-3F07-E0B9-0D79-F87930FDB8A7}"/>
              </a:ext>
            </a:extLst>
          </p:cNvPr>
          <p:cNvGrpSpPr>
            <a:grpSpLocks/>
          </p:cNvGrpSpPr>
          <p:nvPr/>
        </p:nvGrpSpPr>
        <p:grpSpPr bwMode="auto">
          <a:xfrm>
            <a:off x="0" y="0"/>
            <a:ext cx="9140825" cy="6851650"/>
            <a:chOff x="0" y="0"/>
            <a:chExt cx="5758" cy="4316"/>
          </a:xfrm>
        </p:grpSpPr>
        <p:sp>
          <p:nvSpPr>
            <p:cNvPr id="1032" name="Freeform 3">
              <a:extLst>
                <a:ext uri="{FF2B5EF4-FFF2-40B4-BE49-F238E27FC236}">
                  <a16:creationId xmlns:a16="http://schemas.microsoft.com/office/drawing/2014/main" id="{4023376E-171C-0B28-F133-C7004E855FC0}"/>
                </a:ext>
              </a:extLst>
            </p:cNvPr>
            <p:cNvSpPr>
              <a:spLocks/>
            </p:cNvSpPr>
            <p:nvPr/>
          </p:nvSpPr>
          <p:spPr bwMode="hidden">
            <a:xfrm>
              <a:off x="1812" y="2811"/>
              <a:ext cx="3946" cy="1505"/>
            </a:xfrm>
            <a:custGeom>
              <a:avLst/>
              <a:gdLst>
                <a:gd name="T0" fmla="*/ 149 w 3934"/>
                <a:gd name="T1" fmla="*/ 1505 h 1505"/>
                <a:gd name="T2" fmla="*/ 737 w 3934"/>
                <a:gd name="T3" fmla="*/ 1331 h 1505"/>
                <a:gd name="T4" fmla="*/ 1313 w 3934"/>
                <a:gd name="T5" fmla="*/ 1157 h 1505"/>
                <a:gd name="T6" fmla="*/ 1862 w 3934"/>
                <a:gd name="T7" fmla="*/ 977 h 1505"/>
                <a:gd name="T8" fmla="*/ 2393 w 3934"/>
                <a:gd name="T9" fmla="*/ 792 h 1505"/>
                <a:gd name="T10" fmla="*/ 2656 w 3934"/>
                <a:gd name="T11" fmla="*/ 696 h 1505"/>
                <a:gd name="T12" fmla="*/ 2902 w 3934"/>
                <a:gd name="T13" fmla="*/ 606 h 1505"/>
                <a:gd name="T14" fmla="*/ 3146 w 3934"/>
                <a:gd name="T15" fmla="*/ 510 h 1505"/>
                <a:gd name="T16" fmla="*/ 3389 w 3934"/>
                <a:gd name="T17" fmla="*/ 420 h 1505"/>
                <a:gd name="T18" fmla="*/ 3613 w 3934"/>
                <a:gd name="T19" fmla="*/ 324 h 1505"/>
                <a:gd name="T20" fmla="*/ 3831 w 3934"/>
                <a:gd name="T21" fmla="*/ 234 h 1505"/>
                <a:gd name="T22" fmla="*/ 4047 w 3934"/>
                <a:gd name="T23" fmla="*/ 138 h 1505"/>
                <a:gd name="T24" fmla="*/ 4245 w 3934"/>
                <a:gd name="T25" fmla="*/ 48 h 1505"/>
                <a:gd name="T26" fmla="*/ 4245 w 3934"/>
                <a:gd name="T27" fmla="*/ 0 h 1505"/>
                <a:gd name="T28" fmla="*/ 4040 w 3934"/>
                <a:gd name="T29" fmla="*/ 96 h 1505"/>
                <a:gd name="T30" fmla="*/ 3817 w 3934"/>
                <a:gd name="T31" fmla="*/ 192 h 1505"/>
                <a:gd name="T32" fmla="*/ 3593 w 3934"/>
                <a:gd name="T33" fmla="*/ 288 h 1505"/>
                <a:gd name="T34" fmla="*/ 3365 w 3934"/>
                <a:gd name="T35" fmla="*/ 384 h 1505"/>
                <a:gd name="T36" fmla="*/ 3113 w 3934"/>
                <a:gd name="T37" fmla="*/ 480 h 1505"/>
                <a:gd name="T38" fmla="*/ 2862 w 3934"/>
                <a:gd name="T39" fmla="*/ 576 h 1505"/>
                <a:gd name="T40" fmla="*/ 2601 w 3934"/>
                <a:gd name="T41" fmla="*/ 672 h 1505"/>
                <a:gd name="T42" fmla="*/ 2339 w 3934"/>
                <a:gd name="T43" fmla="*/ 768 h 1505"/>
                <a:gd name="T44" fmla="*/ 2057 w 3934"/>
                <a:gd name="T45" fmla="*/ 864 h 1505"/>
                <a:gd name="T46" fmla="*/ 1775 w 3934"/>
                <a:gd name="T47" fmla="*/ 960 h 1505"/>
                <a:gd name="T48" fmla="*/ 1200 w 3934"/>
                <a:gd name="T49" fmla="*/ 1145 h 1505"/>
                <a:gd name="T50" fmla="*/ 612 w 3934"/>
                <a:gd name="T51" fmla="*/ 1331 h 1505"/>
                <a:gd name="T52" fmla="*/ 0 w 3934"/>
                <a:gd name="T53" fmla="*/ 1505 h 1505"/>
                <a:gd name="T54" fmla="*/ 149 w 3934"/>
                <a:gd name="T55" fmla="*/ 1505 h 1505"/>
                <a:gd name="T56" fmla="*/ 149 w 3934"/>
                <a:gd name="T57" fmla="*/ 1505 h 1505"/>
                <a:gd name="T58" fmla="*/ 0 60000 65536"/>
                <a:gd name="T59" fmla="*/ 0 60000 65536"/>
                <a:gd name="T60" fmla="*/ 0 60000 65536"/>
                <a:gd name="T61" fmla="*/ 0 60000 65536"/>
                <a:gd name="T62" fmla="*/ 0 60000 65536"/>
                <a:gd name="T63" fmla="*/ 0 60000 65536"/>
                <a:gd name="T64" fmla="*/ 0 60000 65536"/>
                <a:gd name="T65" fmla="*/ 0 60000 65536"/>
                <a:gd name="T66" fmla="*/ 0 60000 65536"/>
                <a:gd name="T67" fmla="*/ 0 60000 65536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</a:gdLst>
              <a:ahLst/>
              <a:cxnLst>
                <a:cxn ang="T58">
                  <a:pos x="T0" y="T1"/>
                </a:cxn>
                <a:cxn ang="T59">
                  <a:pos x="T2" y="T3"/>
                </a:cxn>
                <a:cxn ang="T60">
                  <a:pos x="T4" y="T5"/>
                </a:cxn>
                <a:cxn ang="T61">
                  <a:pos x="T6" y="T7"/>
                </a:cxn>
                <a:cxn ang="T62">
                  <a:pos x="T8" y="T9"/>
                </a:cxn>
                <a:cxn ang="T63">
                  <a:pos x="T10" y="T11"/>
                </a:cxn>
                <a:cxn ang="T64">
                  <a:pos x="T12" y="T13"/>
                </a:cxn>
                <a:cxn ang="T65">
                  <a:pos x="T14" y="T15"/>
                </a:cxn>
                <a:cxn ang="T66">
                  <a:pos x="T16" y="T17"/>
                </a:cxn>
                <a:cxn ang="T67">
                  <a:pos x="T18" y="T19"/>
                </a:cxn>
                <a:cxn ang="T68">
                  <a:pos x="T20" y="T21"/>
                </a:cxn>
                <a:cxn ang="T69">
                  <a:pos x="T22" y="T23"/>
                </a:cxn>
                <a:cxn ang="T70">
                  <a:pos x="T24" y="T25"/>
                </a:cxn>
                <a:cxn ang="T71">
                  <a:pos x="T26" y="T27"/>
                </a:cxn>
                <a:cxn ang="T72">
                  <a:pos x="T28" y="T29"/>
                </a:cxn>
                <a:cxn ang="T73">
                  <a:pos x="T30" y="T31"/>
                </a:cxn>
                <a:cxn ang="T74">
                  <a:pos x="T32" y="T33"/>
                </a:cxn>
                <a:cxn ang="T75">
                  <a:pos x="T34" y="T35"/>
                </a:cxn>
                <a:cxn ang="T76">
                  <a:pos x="T36" y="T37"/>
                </a:cxn>
                <a:cxn ang="T77">
                  <a:pos x="T38" y="T39"/>
                </a:cxn>
                <a:cxn ang="T78">
                  <a:pos x="T40" y="T41"/>
                </a:cxn>
                <a:cxn ang="T79">
                  <a:pos x="T42" y="T43"/>
                </a:cxn>
                <a:cxn ang="T80">
                  <a:pos x="T44" y="T45"/>
                </a:cxn>
                <a:cxn ang="T81">
                  <a:pos x="T46" y="T47"/>
                </a:cxn>
                <a:cxn ang="T82">
                  <a:pos x="T48" y="T49"/>
                </a:cxn>
                <a:cxn ang="T83">
                  <a:pos x="T50" y="T51"/>
                </a:cxn>
                <a:cxn ang="T84">
                  <a:pos x="T52" y="T53"/>
                </a:cxn>
                <a:cxn ang="T85">
                  <a:pos x="T54" y="T55"/>
                </a:cxn>
                <a:cxn ang="T86">
                  <a:pos x="T56" y="T57"/>
                </a:cxn>
              </a:cxnLst>
              <a:rect l="0" t="0" r="r" b="b"/>
              <a:pathLst>
                <a:path w="3934" h="1505">
                  <a:moveTo>
                    <a:pt x="149" y="1505"/>
                  </a:moveTo>
                  <a:lnTo>
                    <a:pt x="687" y="1331"/>
                  </a:lnTo>
                  <a:lnTo>
                    <a:pt x="1213" y="1157"/>
                  </a:lnTo>
                  <a:lnTo>
                    <a:pt x="1728" y="977"/>
                  </a:lnTo>
                  <a:lnTo>
                    <a:pt x="2218" y="792"/>
                  </a:lnTo>
                  <a:lnTo>
                    <a:pt x="2457" y="696"/>
                  </a:lnTo>
                  <a:lnTo>
                    <a:pt x="2690" y="606"/>
                  </a:lnTo>
                  <a:lnTo>
                    <a:pt x="2918" y="510"/>
                  </a:lnTo>
                  <a:lnTo>
                    <a:pt x="3139" y="420"/>
                  </a:lnTo>
                  <a:lnTo>
                    <a:pt x="3348" y="324"/>
                  </a:lnTo>
                  <a:lnTo>
                    <a:pt x="3551" y="234"/>
                  </a:lnTo>
                  <a:lnTo>
                    <a:pt x="3749" y="138"/>
                  </a:lnTo>
                  <a:lnTo>
                    <a:pt x="3934" y="48"/>
                  </a:lnTo>
                  <a:lnTo>
                    <a:pt x="3934" y="0"/>
                  </a:lnTo>
                  <a:lnTo>
                    <a:pt x="3743" y="96"/>
                  </a:lnTo>
                  <a:lnTo>
                    <a:pt x="3539" y="192"/>
                  </a:lnTo>
                  <a:lnTo>
                    <a:pt x="3330" y="288"/>
                  </a:lnTo>
                  <a:lnTo>
                    <a:pt x="3115" y="384"/>
                  </a:lnTo>
                  <a:lnTo>
                    <a:pt x="2888" y="480"/>
                  </a:lnTo>
                  <a:lnTo>
                    <a:pt x="2654" y="576"/>
                  </a:lnTo>
                  <a:lnTo>
                    <a:pt x="2409" y="672"/>
                  </a:lnTo>
                  <a:lnTo>
                    <a:pt x="2164" y="768"/>
                  </a:lnTo>
                  <a:lnTo>
                    <a:pt x="1907" y="864"/>
                  </a:lnTo>
                  <a:lnTo>
                    <a:pt x="1650" y="960"/>
                  </a:lnTo>
                  <a:lnTo>
                    <a:pt x="1112" y="1145"/>
                  </a:lnTo>
                  <a:lnTo>
                    <a:pt x="562" y="1331"/>
                  </a:lnTo>
                  <a:lnTo>
                    <a:pt x="0" y="1505"/>
                  </a:lnTo>
                  <a:lnTo>
                    <a:pt x="149" y="1505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033" name="Freeform 4">
              <a:extLst>
                <a:ext uri="{FF2B5EF4-FFF2-40B4-BE49-F238E27FC236}">
                  <a16:creationId xmlns:a16="http://schemas.microsoft.com/office/drawing/2014/main" id="{184ABFDA-1D43-A08E-83A7-068740BF6502}"/>
                </a:ext>
              </a:extLst>
            </p:cNvPr>
            <p:cNvSpPr>
              <a:spLocks/>
            </p:cNvSpPr>
            <p:nvPr/>
          </p:nvSpPr>
          <p:spPr bwMode="hidden">
            <a:xfrm>
              <a:off x="4025" y="3627"/>
              <a:ext cx="1733" cy="689"/>
            </a:xfrm>
            <a:custGeom>
              <a:avLst/>
              <a:gdLst>
                <a:gd name="T0" fmla="*/ 132 w 1728"/>
                <a:gd name="T1" fmla="*/ 689 h 689"/>
                <a:gd name="T2" fmla="*/ 600 w 1728"/>
                <a:gd name="T3" fmla="*/ 527 h 689"/>
                <a:gd name="T4" fmla="*/ 1038 w 1728"/>
                <a:gd name="T5" fmla="*/ 365 h 689"/>
                <a:gd name="T6" fmla="*/ 1243 w 1728"/>
                <a:gd name="T7" fmla="*/ 287 h 689"/>
                <a:gd name="T8" fmla="*/ 1457 w 1728"/>
                <a:gd name="T9" fmla="*/ 203 h 689"/>
                <a:gd name="T10" fmla="*/ 1672 w 1728"/>
                <a:gd name="T11" fmla="*/ 126 h 689"/>
                <a:gd name="T12" fmla="*/ 1853 w 1728"/>
                <a:gd name="T13" fmla="*/ 48 h 689"/>
                <a:gd name="T14" fmla="*/ 1853 w 1728"/>
                <a:gd name="T15" fmla="*/ 0 h 689"/>
                <a:gd name="T16" fmla="*/ 1649 w 1728"/>
                <a:gd name="T17" fmla="*/ 84 h 689"/>
                <a:gd name="T18" fmla="*/ 1427 w 1728"/>
                <a:gd name="T19" fmla="*/ 167 h 689"/>
                <a:gd name="T20" fmla="*/ 1193 w 1728"/>
                <a:gd name="T21" fmla="*/ 257 h 689"/>
                <a:gd name="T22" fmla="*/ 978 w 1728"/>
                <a:gd name="T23" fmla="*/ 341 h 689"/>
                <a:gd name="T24" fmla="*/ 479 w 1728"/>
                <a:gd name="T25" fmla="*/ 515 h 689"/>
                <a:gd name="T26" fmla="*/ 0 w 1728"/>
                <a:gd name="T27" fmla="*/ 689 h 689"/>
                <a:gd name="T28" fmla="*/ 132 w 1728"/>
                <a:gd name="T29" fmla="*/ 689 h 689"/>
                <a:gd name="T30" fmla="*/ 132 w 1728"/>
                <a:gd name="T31" fmla="*/ 689 h 689"/>
                <a:gd name="T32" fmla="*/ 0 60000 65536"/>
                <a:gd name="T33" fmla="*/ 0 60000 65536"/>
                <a:gd name="T34" fmla="*/ 0 60000 65536"/>
                <a:gd name="T35" fmla="*/ 0 60000 65536"/>
                <a:gd name="T36" fmla="*/ 0 60000 65536"/>
                <a:gd name="T37" fmla="*/ 0 60000 65536"/>
                <a:gd name="T38" fmla="*/ 0 60000 65536"/>
                <a:gd name="T39" fmla="*/ 0 60000 65536"/>
                <a:gd name="T40" fmla="*/ 0 60000 65536"/>
                <a:gd name="T41" fmla="*/ 0 60000 65536"/>
                <a:gd name="T42" fmla="*/ 0 60000 65536"/>
                <a:gd name="T43" fmla="*/ 0 60000 65536"/>
                <a:gd name="T44" fmla="*/ 0 60000 65536"/>
                <a:gd name="T45" fmla="*/ 0 60000 65536"/>
                <a:gd name="T46" fmla="*/ 0 60000 65536"/>
                <a:gd name="T47" fmla="*/ 0 60000 65536"/>
              </a:gdLst>
              <a:ahLst/>
              <a:cxnLst>
                <a:cxn ang="T32">
                  <a:pos x="T0" y="T1"/>
                </a:cxn>
                <a:cxn ang="T33">
                  <a:pos x="T2" y="T3"/>
                </a:cxn>
                <a:cxn ang="T34">
                  <a:pos x="T4" y="T5"/>
                </a:cxn>
                <a:cxn ang="T35">
                  <a:pos x="T6" y="T7"/>
                </a:cxn>
                <a:cxn ang="T36">
                  <a:pos x="T8" y="T9"/>
                </a:cxn>
                <a:cxn ang="T37">
                  <a:pos x="T10" y="T11"/>
                </a:cxn>
                <a:cxn ang="T38">
                  <a:pos x="T12" y="T13"/>
                </a:cxn>
                <a:cxn ang="T39">
                  <a:pos x="T14" y="T15"/>
                </a:cxn>
                <a:cxn ang="T40">
                  <a:pos x="T16" y="T17"/>
                </a:cxn>
                <a:cxn ang="T41">
                  <a:pos x="T18" y="T19"/>
                </a:cxn>
                <a:cxn ang="T42">
                  <a:pos x="T20" y="T21"/>
                </a:cxn>
                <a:cxn ang="T43">
                  <a:pos x="T22" y="T23"/>
                </a:cxn>
                <a:cxn ang="T44">
                  <a:pos x="T24" y="T25"/>
                </a:cxn>
                <a:cxn ang="T45">
                  <a:pos x="T26" y="T27"/>
                </a:cxn>
                <a:cxn ang="T46">
                  <a:pos x="T28" y="T29"/>
                </a:cxn>
                <a:cxn ang="T47">
                  <a:pos x="T30" y="T31"/>
                </a:cxn>
              </a:cxnLst>
              <a:rect l="0" t="0" r="r" b="b"/>
              <a:pathLst>
                <a:path w="1728" h="689">
                  <a:moveTo>
                    <a:pt x="132" y="689"/>
                  </a:moveTo>
                  <a:lnTo>
                    <a:pt x="550" y="527"/>
                  </a:lnTo>
                  <a:lnTo>
                    <a:pt x="963" y="365"/>
                  </a:lnTo>
                  <a:lnTo>
                    <a:pt x="1160" y="287"/>
                  </a:lnTo>
                  <a:lnTo>
                    <a:pt x="1357" y="203"/>
                  </a:lnTo>
                  <a:lnTo>
                    <a:pt x="1549" y="126"/>
                  </a:lnTo>
                  <a:lnTo>
                    <a:pt x="1728" y="48"/>
                  </a:lnTo>
                  <a:lnTo>
                    <a:pt x="1728" y="0"/>
                  </a:lnTo>
                  <a:lnTo>
                    <a:pt x="1531" y="84"/>
                  </a:lnTo>
                  <a:lnTo>
                    <a:pt x="1327" y="167"/>
                  </a:lnTo>
                  <a:lnTo>
                    <a:pt x="1118" y="257"/>
                  </a:lnTo>
                  <a:lnTo>
                    <a:pt x="903" y="341"/>
                  </a:lnTo>
                  <a:lnTo>
                    <a:pt x="454" y="515"/>
                  </a:lnTo>
                  <a:lnTo>
                    <a:pt x="0" y="689"/>
                  </a:lnTo>
                  <a:lnTo>
                    <a:pt x="132" y="689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034" name="Freeform 5">
              <a:extLst>
                <a:ext uri="{FF2B5EF4-FFF2-40B4-BE49-F238E27FC236}">
                  <a16:creationId xmlns:a16="http://schemas.microsoft.com/office/drawing/2014/main" id="{88C47E24-2419-6F9F-6C00-FB38C3EAD310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0"/>
              <a:ext cx="5578" cy="3447"/>
            </a:xfrm>
            <a:custGeom>
              <a:avLst/>
              <a:gdLst>
                <a:gd name="T0" fmla="*/ 6001 w 5561"/>
                <a:gd name="T1" fmla="*/ 929 h 3447"/>
                <a:gd name="T2" fmla="*/ 5975 w 5561"/>
                <a:gd name="T3" fmla="*/ 773 h 3447"/>
                <a:gd name="T4" fmla="*/ 5887 w 5561"/>
                <a:gd name="T5" fmla="*/ 629 h 3447"/>
                <a:gd name="T6" fmla="*/ 5748 w 5561"/>
                <a:gd name="T7" fmla="*/ 492 h 3447"/>
                <a:gd name="T8" fmla="*/ 5557 w 5561"/>
                <a:gd name="T9" fmla="*/ 366 h 3447"/>
                <a:gd name="T10" fmla="*/ 5311 w 5561"/>
                <a:gd name="T11" fmla="*/ 252 h 3447"/>
                <a:gd name="T12" fmla="*/ 5020 w 5561"/>
                <a:gd name="T13" fmla="*/ 144 h 3447"/>
                <a:gd name="T14" fmla="*/ 4685 w 5561"/>
                <a:gd name="T15" fmla="*/ 48 h 3447"/>
                <a:gd name="T16" fmla="*/ 4317 w 5561"/>
                <a:gd name="T17" fmla="*/ 0 h 3447"/>
                <a:gd name="T18" fmla="*/ 4704 w 5561"/>
                <a:gd name="T19" fmla="*/ 90 h 3447"/>
                <a:gd name="T20" fmla="*/ 5039 w 5561"/>
                <a:gd name="T21" fmla="*/ 192 h 3447"/>
                <a:gd name="T22" fmla="*/ 5323 w 5561"/>
                <a:gd name="T23" fmla="*/ 306 h 3447"/>
                <a:gd name="T24" fmla="*/ 5557 w 5561"/>
                <a:gd name="T25" fmla="*/ 426 h 3447"/>
                <a:gd name="T26" fmla="*/ 5734 w 5561"/>
                <a:gd name="T27" fmla="*/ 557 h 3447"/>
                <a:gd name="T28" fmla="*/ 5861 w 5561"/>
                <a:gd name="T29" fmla="*/ 701 h 3447"/>
                <a:gd name="T30" fmla="*/ 5925 w 5561"/>
                <a:gd name="T31" fmla="*/ 851 h 3447"/>
                <a:gd name="T32" fmla="*/ 5925 w 5561"/>
                <a:gd name="T33" fmla="*/ 1013 h 3447"/>
                <a:gd name="T34" fmla="*/ 5874 w 5561"/>
                <a:gd name="T35" fmla="*/ 1163 h 3447"/>
                <a:gd name="T36" fmla="*/ 5768 w 5561"/>
                <a:gd name="T37" fmla="*/ 1319 h 3447"/>
                <a:gd name="T38" fmla="*/ 5614 w 5561"/>
                <a:gd name="T39" fmla="*/ 1475 h 3447"/>
                <a:gd name="T40" fmla="*/ 5413 w 5561"/>
                <a:gd name="T41" fmla="*/ 1630 h 3447"/>
                <a:gd name="T42" fmla="*/ 5170 w 5561"/>
                <a:gd name="T43" fmla="*/ 1786 h 3447"/>
                <a:gd name="T44" fmla="*/ 4885 w 5561"/>
                <a:gd name="T45" fmla="*/ 1948 h 3447"/>
                <a:gd name="T46" fmla="*/ 4549 w 5561"/>
                <a:gd name="T47" fmla="*/ 2104 h 3447"/>
                <a:gd name="T48" fmla="*/ 4182 w 5561"/>
                <a:gd name="T49" fmla="*/ 2260 h 3447"/>
                <a:gd name="T50" fmla="*/ 3774 w 5561"/>
                <a:gd name="T51" fmla="*/ 2416 h 3447"/>
                <a:gd name="T52" fmla="*/ 3332 w 5561"/>
                <a:gd name="T53" fmla="*/ 2566 h 3447"/>
                <a:gd name="T54" fmla="*/ 2850 w 5561"/>
                <a:gd name="T55" fmla="*/ 2715 h 3447"/>
                <a:gd name="T56" fmla="*/ 2339 w 5561"/>
                <a:gd name="T57" fmla="*/ 2865 h 3447"/>
                <a:gd name="T58" fmla="*/ 1787 w 5561"/>
                <a:gd name="T59" fmla="*/ 3009 h 3447"/>
                <a:gd name="T60" fmla="*/ 1233 w 5561"/>
                <a:gd name="T61" fmla="*/ 3147 h 3447"/>
                <a:gd name="T62" fmla="*/ 630 w 5561"/>
                <a:gd name="T63" fmla="*/ 3279 h 3447"/>
                <a:gd name="T64" fmla="*/ 0 w 5561"/>
                <a:gd name="T65" fmla="*/ 3447 h 3447"/>
                <a:gd name="T66" fmla="*/ 942 w 5561"/>
                <a:gd name="T67" fmla="*/ 3249 h 3447"/>
                <a:gd name="T68" fmla="*/ 1528 w 5561"/>
                <a:gd name="T69" fmla="*/ 3105 h 3447"/>
                <a:gd name="T70" fmla="*/ 2087 w 5561"/>
                <a:gd name="T71" fmla="*/ 2961 h 3447"/>
                <a:gd name="T72" fmla="*/ 2631 w 5561"/>
                <a:gd name="T73" fmla="*/ 2817 h 3447"/>
                <a:gd name="T74" fmla="*/ 3126 w 5561"/>
                <a:gd name="T75" fmla="*/ 2668 h 3447"/>
                <a:gd name="T76" fmla="*/ 3594 w 5561"/>
                <a:gd name="T77" fmla="*/ 2512 h 3447"/>
                <a:gd name="T78" fmla="*/ 4028 w 5561"/>
                <a:gd name="T79" fmla="*/ 2356 h 3447"/>
                <a:gd name="T80" fmla="*/ 4421 w 5561"/>
                <a:gd name="T81" fmla="*/ 2200 h 3447"/>
                <a:gd name="T82" fmla="*/ 4777 w 5561"/>
                <a:gd name="T83" fmla="*/ 2038 h 3447"/>
                <a:gd name="T84" fmla="*/ 5092 w 5561"/>
                <a:gd name="T85" fmla="*/ 1876 h 3447"/>
                <a:gd name="T86" fmla="*/ 5362 w 5561"/>
                <a:gd name="T87" fmla="*/ 1720 h 3447"/>
                <a:gd name="T88" fmla="*/ 5589 w 5561"/>
                <a:gd name="T89" fmla="*/ 1559 h 3447"/>
                <a:gd name="T90" fmla="*/ 5762 w 5561"/>
                <a:gd name="T91" fmla="*/ 1397 h 3447"/>
                <a:gd name="T92" fmla="*/ 5893 w 5561"/>
                <a:gd name="T93" fmla="*/ 1241 h 3447"/>
                <a:gd name="T94" fmla="*/ 5975 w 5561"/>
                <a:gd name="T95" fmla="*/ 1085 h 3447"/>
                <a:gd name="T96" fmla="*/ 5995 w 5561"/>
                <a:gd name="T97" fmla="*/ 1007 h 3447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</a:gdLst>
              <a:ahLst/>
              <a:cxnLst>
                <a:cxn ang="T98">
                  <a:pos x="T0" y="T1"/>
                </a:cxn>
                <a:cxn ang="T99">
                  <a:pos x="T2" y="T3"/>
                </a:cxn>
                <a:cxn ang="T100">
                  <a:pos x="T4" y="T5"/>
                </a:cxn>
                <a:cxn ang="T101">
                  <a:pos x="T6" y="T7"/>
                </a:cxn>
                <a:cxn ang="T102">
                  <a:pos x="T8" y="T9"/>
                </a:cxn>
                <a:cxn ang="T103">
                  <a:pos x="T10" y="T11"/>
                </a:cxn>
                <a:cxn ang="T104">
                  <a:pos x="T12" y="T13"/>
                </a:cxn>
                <a:cxn ang="T105">
                  <a:pos x="T14" y="T15"/>
                </a:cxn>
                <a:cxn ang="T106">
                  <a:pos x="T16" y="T17"/>
                </a:cxn>
                <a:cxn ang="T107">
                  <a:pos x="T18" y="T19"/>
                </a:cxn>
                <a:cxn ang="T108">
                  <a:pos x="T20" y="T21"/>
                </a:cxn>
                <a:cxn ang="T109">
                  <a:pos x="T22" y="T23"/>
                </a:cxn>
                <a:cxn ang="T110">
                  <a:pos x="T24" y="T25"/>
                </a:cxn>
                <a:cxn ang="T111">
                  <a:pos x="T26" y="T27"/>
                </a:cxn>
                <a:cxn ang="T112">
                  <a:pos x="T28" y="T29"/>
                </a:cxn>
                <a:cxn ang="T113">
                  <a:pos x="T30" y="T31"/>
                </a:cxn>
                <a:cxn ang="T114">
                  <a:pos x="T32" y="T33"/>
                </a:cxn>
                <a:cxn ang="T115">
                  <a:pos x="T34" y="T35"/>
                </a:cxn>
                <a:cxn ang="T116">
                  <a:pos x="T36" y="T37"/>
                </a:cxn>
                <a:cxn ang="T117">
                  <a:pos x="T38" y="T39"/>
                </a:cxn>
                <a:cxn ang="T118">
                  <a:pos x="T40" y="T41"/>
                </a:cxn>
                <a:cxn ang="T119">
                  <a:pos x="T42" y="T43"/>
                </a:cxn>
                <a:cxn ang="T120">
                  <a:pos x="T44" y="T45"/>
                </a:cxn>
                <a:cxn ang="T121">
                  <a:pos x="T46" y="T47"/>
                </a:cxn>
                <a:cxn ang="T122">
                  <a:pos x="T48" y="T49"/>
                </a:cxn>
                <a:cxn ang="T123">
                  <a:pos x="T50" y="T51"/>
                </a:cxn>
                <a:cxn ang="T124">
                  <a:pos x="T52" y="T53"/>
                </a:cxn>
                <a:cxn ang="T125">
                  <a:pos x="T54" y="T55"/>
                </a:cxn>
                <a:cxn ang="T126">
                  <a:pos x="T56" y="T57"/>
                </a:cxn>
                <a:cxn ang="T127">
                  <a:pos x="T58" y="T59"/>
                </a:cxn>
                <a:cxn ang="T128">
                  <a:pos x="T60" y="T61"/>
                </a:cxn>
                <a:cxn ang="T129">
                  <a:pos x="T62" y="T63"/>
                </a:cxn>
                <a:cxn ang="T130">
                  <a:pos x="T64" y="T65"/>
                </a:cxn>
                <a:cxn ang="T131">
                  <a:pos x="T66" y="T67"/>
                </a:cxn>
                <a:cxn ang="T132">
                  <a:pos x="T68" y="T69"/>
                </a:cxn>
                <a:cxn ang="T133">
                  <a:pos x="T70" y="T71"/>
                </a:cxn>
                <a:cxn ang="T134">
                  <a:pos x="T72" y="T73"/>
                </a:cxn>
                <a:cxn ang="T135">
                  <a:pos x="T74" y="T75"/>
                </a:cxn>
                <a:cxn ang="T136">
                  <a:pos x="T76" y="T77"/>
                </a:cxn>
                <a:cxn ang="T137">
                  <a:pos x="T78" y="T79"/>
                </a:cxn>
                <a:cxn ang="T138">
                  <a:pos x="T80" y="T81"/>
                </a:cxn>
                <a:cxn ang="T139">
                  <a:pos x="T82" y="T83"/>
                </a:cxn>
                <a:cxn ang="T140">
                  <a:pos x="T84" y="T85"/>
                </a:cxn>
                <a:cxn ang="T141">
                  <a:pos x="T86" y="T87"/>
                </a:cxn>
                <a:cxn ang="T142">
                  <a:pos x="T88" y="T89"/>
                </a:cxn>
                <a:cxn ang="T143">
                  <a:pos x="T90" y="T91"/>
                </a:cxn>
                <a:cxn ang="T144">
                  <a:pos x="T92" y="T93"/>
                </a:cxn>
                <a:cxn ang="T145">
                  <a:pos x="T94" y="T95"/>
                </a:cxn>
                <a:cxn ang="T146">
                  <a:pos x="T96" y="T97"/>
                </a:cxn>
              </a:cxnLst>
              <a:rect l="0" t="0" r="r" b="b"/>
              <a:pathLst>
                <a:path w="5561" h="3447">
                  <a:moveTo>
                    <a:pt x="5555" y="1007"/>
                  </a:moveTo>
                  <a:lnTo>
                    <a:pt x="5561" y="929"/>
                  </a:lnTo>
                  <a:lnTo>
                    <a:pt x="5555" y="851"/>
                  </a:lnTo>
                  <a:lnTo>
                    <a:pt x="5537" y="773"/>
                  </a:lnTo>
                  <a:lnTo>
                    <a:pt x="5501" y="701"/>
                  </a:lnTo>
                  <a:lnTo>
                    <a:pt x="5453" y="629"/>
                  </a:lnTo>
                  <a:lnTo>
                    <a:pt x="5399" y="563"/>
                  </a:lnTo>
                  <a:lnTo>
                    <a:pt x="5327" y="492"/>
                  </a:lnTo>
                  <a:lnTo>
                    <a:pt x="5244" y="432"/>
                  </a:lnTo>
                  <a:lnTo>
                    <a:pt x="5148" y="366"/>
                  </a:lnTo>
                  <a:lnTo>
                    <a:pt x="5040" y="306"/>
                  </a:lnTo>
                  <a:lnTo>
                    <a:pt x="4921" y="252"/>
                  </a:lnTo>
                  <a:lnTo>
                    <a:pt x="4795" y="198"/>
                  </a:lnTo>
                  <a:lnTo>
                    <a:pt x="4652" y="144"/>
                  </a:lnTo>
                  <a:lnTo>
                    <a:pt x="4502" y="90"/>
                  </a:lnTo>
                  <a:lnTo>
                    <a:pt x="4341" y="48"/>
                  </a:lnTo>
                  <a:lnTo>
                    <a:pt x="4167" y="0"/>
                  </a:lnTo>
                  <a:lnTo>
                    <a:pt x="4000" y="0"/>
                  </a:lnTo>
                  <a:lnTo>
                    <a:pt x="4185" y="42"/>
                  </a:lnTo>
                  <a:lnTo>
                    <a:pt x="4359" y="90"/>
                  </a:lnTo>
                  <a:lnTo>
                    <a:pt x="4520" y="138"/>
                  </a:lnTo>
                  <a:lnTo>
                    <a:pt x="4670" y="192"/>
                  </a:lnTo>
                  <a:lnTo>
                    <a:pt x="4807" y="246"/>
                  </a:lnTo>
                  <a:lnTo>
                    <a:pt x="4933" y="306"/>
                  </a:lnTo>
                  <a:lnTo>
                    <a:pt x="5046" y="366"/>
                  </a:lnTo>
                  <a:lnTo>
                    <a:pt x="5148" y="426"/>
                  </a:lnTo>
                  <a:lnTo>
                    <a:pt x="5238" y="492"/>
                  </a:lnTo>
                  <a:lnTo>
                    <a:pt x="5315" y="557"/>
                  </a:lnTo>
                  <a:lnTo>
                    <a:pt x="5381" y="629"/>
                  </a:lnTo>
                  <a:lnTo>
                    <a:pt x="5429" y="701"/>
                  </a:lnTo>
                  <a:lnTo>
                    <a:pt x="5465" y="779"/>
                  </a:lnTo>
                  <a:lnTo>
                    <a:pt x="5489" y="851"/>
                  </a:lnTo>
                  <a:lnTo>
                    <a:pt x="5495" y="935"/>
                  </a:lnTo>
                  <a:lnTo>
                    <a:pt x="5489" y="1013"/>
                  </a:lnTo>
                  <a:lnTo>
                    <a:pt x="5471" y="1091"/>
                  </a:lnTo>
                  <a:lnTo>
                    <a:pt x="5441" y="1163"/>
                  </a:lnTo>
                  <a:lnTo>
                    <a:pt x="5399" y="1241"/>
                  </a:lnTo>
                  <a:lnTo>
                    <a:pt x="5345" y="1319"/>
                  </a:lnTo>
                  <a:lnTo>
                    <a:pt x="5280" y="1397"/>
                  </a:lnTo>
                  <a:lnTo>
                    <a:pt x="5202" y="1475"/>
                  </a:lnTo>
                  <a:lnTo>
                    <a:pt x="5118" y="1553"/>
                  </a:lnTo>
                  <a:lnTo>
                    <a:pt x="5017" y="1630"/>
                  </a:lnTo>
                  <a:lnTo>
                    <a:pt x="4909" y="1708"/>
                  </a:lnTo>
                  <a:lnTo>
                    <a:pt x="4789" y="1786"/>
                  </a:lnTo>
                  <a:lnTo>
                    <a:pt x="4664" y="1870"/>
                  </a:lnTo>
                  <a:lnTo>
                    <a:pt x="4526" y="1948"/>
                  </a:lnTo>
                  <a:lnTo>
                    <a:pt x="4377" y="2026"/>
                  </a:lnTo>
                  <a:lnTo>
                    <a:pt x="4215" y="2104"/>
                  </a:lnTo>
                  <a:lnTo>
                    <a:pt x="4048" y="2182"/>
                  </a:lnTo>
                  <a:lnTo>
                    <a:pt x="3875" y="2260"/>
                  </a:lnTo>
                  <a:lnTo>
                    <a:pt x="3689" y="2338"/>
                  </a:lnTo>
                  <a:lnTo>
                    <a:pt x="3498" y="2416"/>
                  </a:lnTo>
                  <a:lnTo>
                    <a:pt x="3295" y="2488"/>
                  </a:lnTo>
                  <a:lnTo>
                    <a:pt x="3085" y="2566"/>
                  </a:lnTo>
                  <a:lnTo>
                    <a:pt x="2864" y="2644"/>
                  </a:lnTo>
                  <a:lnTo>
                    <a:pt x="2643" y="2715"/>
                  </a:lnTo>
                  <a:lnTo>
                    <a:pt x="2410" y="2793"/>
                  </a:lnTo>
                  <a:lnTo>
                    <a:pt x="2164" y="2865"/>
                  </a:lnTo>
                  <a:lnTo>
                    <a:pt x="1919" y="2937"/>
                  </a:lnTo>
                  <a:lnTo>
                    <a:pt x="1662" y="3009"/>
                  </a:lnTo>
                  <a:lnTo>
                    <a:pt x="1399" y="3075"/>
                  </a:lnTo>
                  <a:lnTo>
                    <a:pt x="1136" y="3147"/>
                  </a:lnTo>
                  <a:lnTo>
                    <a:pt x="861" y="3213"/>
                  </a:lnTo>
                  <a:lnTo>
                    <a:pt x="580" y="3279"/>
                  </a:lnTo>
                  <a:lnTo>
                    <a:pt x="0" y="3411"/>
                  </a:lnTo>
                  <a:lnTo>
                    <a:pt x="0" y="3447"/>
                  </a:lnTo>
                  <a:lnTo>
                    <a:pt x="586" y="3315"/>
                  </a:lnTo>
                  <a:lnTo>
                    <a:pt x="867" y="3249"/>
                  </a:lnTo>
                  <a:lnTo>
                    <a:pt x="1148" y="3177"/>
                  </a:lnTo>
                  <a:lnTo>
                    <a:pt x="1417" y="3105"/>
                  </a:lnTo>
                  <a:lnTo>
                    <a:pt x="1680" y="3039"/>
                  </a:lnTo>
                  <a:lnTo>
                    <a:pt x="1937" y="2961"/>
                  </a:lnTo>
                  <a:lnTo>
                    <a:pt x="2188" y="2889"/>
                  </a:lnTo>
                  <a:lnTo>
                    <a:pt x="2434" y="2817"/>
                  </a:lnTo>
                  <a:lnTo>
                    <a:pt x="2673" y="2739"/>
                  </a:lnTo>
                  <a:lnTo>
                    <a:pt x="2900" y="2668"/>
                  </a:lnTo>
                  <a:lnTo>
                    <a:pt x="3121" y="2590"/>
                  </a:lnTo>
                  <a:lnTo>
                    <a:pt x="3330" y="2512"/>
                  </a:lnTo>
                  <a:lnTo>
                    <a:pt x="3534" y="2434"/>
                  </a:lnTo>
                  <a:lnTo>
                    <a:pt x="3731" y="2356"/>
                  </a:lnTo>
                  <a:lnTo>
                    <a:pt x="3916" y="2278"/>
                  </a:lnTo>
                  <a:lnTo>
                    <a:pt x="4096" y="2200"/>
                  </a:lnTo>
                  <a:lnTo>
                    <a:pt x="4263" y="2116"/>
                  </a:lnTo>
                  <a:lnTo>
                    <a:pt x="4425" y="2038"/>
                  </a:lnTo>
                  <a:lnTo>
                    <a:pt x="4574" y="1960"/>
                  </a:lnTo>
                  <a:lnTo>
                    <a:pt x="4718" y="1876"/>
                  </a:lnTo>
                  <a:lnTo>
                    <a:pt x="4849" y="1798"/>
                  </a:lnTo>
                  <a:lnTo>
                    <a:pt x="4969" y="1720"/>
                  </a:lnTo>
                  <a:lnTo>
                    <a:pt x="5076" y="1636"/>
                  </a:lnTo>
                  <a:lnTo>
                    <a:pt x="5178" y="1559"/>
                  </a:lnTo>
                  <a:lnTo>
                    <a:pt x="5262" y="1481"/>
                  </a:lnTo>
                  <a:lnTo>
                    <a:pt x="5339" y="1397"/>
                  </a:lnTo>
                  <a:lnTo>
                    <a:pt x="5405" y="1319"/>
                  </a:lnTo>
                  <a:lnTo>
                    <a:pt x="5459" y="1241"/>
                  </a:lnTo>
                  <a:lnTo>
                    <a:pt x="5507" y="1163"/>
                  </a:lnTo>
                  <a:lnTo>
                    <a:pt x="5537" y="1085"/>
                  </a:lnTo>
                  <a:lnTo>
                    <a:pt x="5555" y="1007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6150" name="Freeform 6">
              <a:extLst>
                <a:ext uri="{FF2B5EF4-FFF2-40B4-BE49-F238E27FC236}">
                  <a16:creationId xmlns:a16="http://schemas.microsoft.com/office/drawing/2014/main" id="{6378FB2D-3C2C-FCA3-0A98-6DEC6DE800CE}"/>
                </a:ext>
              </a:extLst>
            </p:cNvPr>
            <p:cNvSpPr>
              <a:spLocks/>
            </p:cNvSpPr>
            <p:nvPr/>
          </p:nvSpPr>
          <p:spPr bwMode="hidden">
            <a:xfrm>
              <a:off x="4942" y="0"/>
              <a:ext cx="816" cy="276"/>
            </a:xfrm>
            <a:custGeom>
              <a:avLst/>
              <a:gdLst>
                <a:gd name="T0" fmla="*/ 813 w 813"/>
                <a:gd name="T1" fmla="*/ 222 h 276"/>
                <a:gd name="T2" fmla="*/ 670 w 813"/>
                <a:gd name="T3" fmla="*/ 162 h 276"/>
                <a:gd name="T4" fmla="*/ 514 w 813"/>
                <a:gd name="T5" fmla="*/ 108 h 276"/>
                <a:gd name="T6" fmla="*/ 347 w 813"/>
                <a:gd name="T7" fmla="*/ 54 h 276"/>
                <a:gd name="T8" fmla="*/ 167 w 813"/>
                <a:gd name="T9" fmla="*/ 0 h 276"/>
                <a:gd name="T10" fmla="*/ 0 w 813"/>
                <a:gd name="T11" fmla="*/ 0 h 276"/>
                <a:gd name="T12" fmla="*/ 227 w 813"/>
                <a:gd name="T13" fmla="*/ 60 h 276"/>
                <a:gd name="T14" fmla="*/ 442 w 813"/>
                <a:gd name="T15" fmla="*/ 132 h 276"/>
                <a:gd name="T16" fmla="*/ 634 w 813"/>
                <a:gd name="T17" fmla="*/ 204 h 276"/>
                <a:gd name="T18" fmla="*/ 813 w 813"/>
                <a:gd name="T19" fmla="*/ 276 h 276"/>
                <a:gd name="T20" fmla="*/ 813 w 813"/>
                <a:gd name="T21" fmla="*/ 222 h 276"/>
                <a:gd name="T22" fmla="*/ 813 w 813"/>
                <a:gd name="T23" fmla="*/ 222 h 2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813" h="276">
                  <a:moveTo>
                    <a:pt x="813" y="222"/>
                  </a:moveTo>
                  <a:lnTo>
                    <a:pt x="670" y="162"/>
                  </a:lnTo>
                  <a:lnTo>
                    <a:pt x="514" y="108"/>
                  </a:lnTo>
                  <a:lnTo>
                    <a:pt x="347" y="54"/>
                  </a:lnTo>
                  <a:lnTo>
                    <a:pt x="167" y="0"/>
                  </a:lnTo>
                  <a:lnTo>
                    <a:pt x="0" y="0"/>
                  </a:lnTo>
                  <a:lnTo>
                    <a:pt x="227" y="60"/>
                  </a:lnTo>
                  <a:lnTo>
                    <a:pt x="442" y="132"/>
                  </a:lnTo>
                  <a:lnTo>
                    <a:pt x="634" y="204"/>
                  </a:lnTo>
                  <a:lnTo>
                    <a:pt x="813" y="276"/>
                  </a:lnTo>
                  <a:lnTo>
                    <a:pt x="813" y="222"/>
                  </a:lnTo>
                  <a:lnTo>
                    <a:pt x="813" y="222"/>
                  </a:lnTo>
                  <a:close/>
                </a:path>
              </a:pathLst>
            </a:custGeom>
            <a:gradFill rotWithShape="1">
              <a:gsLst>
                <a:gs pos="0">
                  <a:schemeClr val="bg2"/>
                </a:gs>
                <a:gs pos="50000">
                  <a:schemeClr val="bg2">
                    <a:gamma/>
                    <a:tint val="81961"/>
                    <a:invGamma/>
                  </a:schemeClr>
                </a:gs>
                <a:gs pos="100000">
                  <a:schemeClr val="bg2"/>
                </a:gs>
              </a:gsLst>
              <a:lin ang="0" scaled="1"/>
            </a:gradFill>
            <a:ln>
              <a:noFill/>
            </a:ln>
          </p:spPr>
          <p:txBody>
            <a:bodyPr/>
            <a:lstStyle/>
            <a:p>
              <a:pPr>
                <a:defRPr/>
              </a:pPr>
              <a:endParaRPr lang="en-US">
                <a:latin typeface="Verdana" charset="0"/>
                <a:ea typeface="ＭＳ Ｐゴシック" charset="0"/>
              </a:endParaRPr>
            </a:p>
          </p:txBody>
        </p:sp>
        <p:sp>
          <p:nvSpPr>
            <p:cNvPr id="1036" name="Freeform 7">
              <a:extLst>
                <a:ext uri="{FF2B5EF4-FFF2-40B4-BE49-F238E27FC236}">
                  <a16:creationId xmlns:a16="http://schemas.microsoft.com/office/drawing/2014/main" id="{9C8ECBF2-F764-9175-0E9A-BFD366E4B16F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1984"/>
              <a:ext cx="5758" cy="2098"/>
            </a:xfrm>
            <a:custGeom>
              <a:avLst/>
              <a:gdLst>
                <a:gd name="T0" fmla="*/ 6206 w 5740"/>
                <a:gd name="T1" fmla="*/ 0 h 2098"/>
                <a:gd name="T2" fmla="*/ 6098 w 5740"/>
                <a:gd name="T3" fmla="*/ 72 h 2098"/>
                <a:gd name="T4" fmla="*/ 5988 w 5740"/>
                <a:gd name="T5" fmla="*/ 138 h 2098"/>
                <a:gd name="T6" fmla="*/ 5863 w 5740"/>
                <a:gd name="T7" fmla="*/ 210 h 2098"/>
                <a:gd name="T8" fmla="*/ 5737 w 5740"/>
                <a:gd name="T9" fmla="*/ 276 h 2098"/>
                <a:gd name="T10" fmla="*/ 5463 w 5740"/>
                <a:gd name="T11" fmla="*/ 414 h 2098"/>
                <a:gd name="T12" fmla="*/ 5165 w 5740"/>
                <a:gd name="T13" fmla="*/ 552 h 2098"/>
                <a:gd name="T14" fmla="*/ 4842 w 5740"/>
                <a:gd name="T15" fmla="*/ 690 h 2098"/>
                <a:gd name="T16" fmla="*/ 4501 w 5740"/>
                <a:gd name="T17" fmla="*/ 827 h 2098"/>
                <a:gd name="T18" fmla="*/ 4138 w 5740"/>
                <a:gd name="T19" fmla="*/ 959 h 2098"/>
                <a:gd name="T20" fmla="*/ 3749 w 5740"/>
                <a:gd name="T21" fmla="*/ 1091 h 2098"/>
                <a:gd name="T22" fmla="*/ 3341 w 5740"/>
                <a:gd name="T23" fmla="*/ 1223 h 2098"/>
                <a:gd name="T24" fmla="*/ 2920 w 5740"/>
                <a:gd name="T25" fmla="*/ 1355 h 2098"/>
                <a:gd name="T26" fmla="*/ 2468 w 5740"/>
                <a:gd name="T27" fmla="*/ 1481 h 2098"/>
                <a:gd name="T28" fmla="*/ 2010 w 5740"/>
                <a:gd name="T29" fmla="*/ 1601 h 2098"/>
                <a:gd name="T30" fmla="*/ 1537 w 5740"/>
                <a:gd name="T31" fmla="*/ 1721 h 2098"/>
                <a:gd name="T32" fmla="*/ 1032 w 5740"/>
                <a:gd name="T33" fmla="*/ 1834 h 2098"/>
                <a:gd name="T34" fmla="*/ 534 w 5740"/>
                <a:gd name="T35" fmla="*/ 1948 h 2098"/>
                <a:gd name="T36" fmla="*/ 0 w 5740"/>
                <a:gd name="T37" fmla="*/ 2056 h 2098"/>
                <a:gd name="T38" fmla="*/ 0 w 5740"/>
                <a:gd name="T39" fmla="*/ 2098 h 2098"/>
                <a:gd name="T40" fmla="*/ 527 w 5740"/>
                <a:gd name="T41" fmla="*/ 1990 h 2098"/>
                <a:gd name="T42" fmla="*/ 1026 w 5740"/>
                <a:gd name="T43" fmla="*/ 1882 h 2098"/>
                <a:gd name="T44" fmla="*/ 1522 w 5740"/>
                <a:gd name="T45" fmla="*/ 1763 h 2098"/>
                <a:gd name="T46" fmla="*/ 1992 w 5740"/>
                <a:gd name="T47" fmla="*/ 1649 h 2098"/>
                <a:gd name="T48" fmla="*/ 2448 w 5740"/>
                <a:gd name="T49" fmla="*/ 1523 h 2098"/>
                <a:gd name="T50" fmla="*/ 2900 w 5740"/>
                <a:gd name="T51" fmla="*/ 1397 h 2098"/>
                <a:gd name="T52" fmla="*/ 3317 w 5740"/>
                <a:gd name="T53" fmla="*/ 1271 h 2098"/>
                <a:gd name="T54" fmla="*/ 3723 w 5740"/>
                <a:gd name="T55" fmla="*/ 1139 h 2098"/>
                <a:gd name="T56" fmla="*/ 4112 w 5740"/>
                <a:gd name="T57" fmla="*/ 1007 h 2098"/>
                <a:gd name="T58" fmla="*/ 4475 w 5740"/>
                <a:gd name="T59" fmla="*/ 875 h 2098"/>
                <a:gd name="T60" fmla="*/ 4823 w 5740"/>
                <a:gd name="T61" fmla="*/ 737 h 2098"/>
                <a:gd name="T62" fmla="*/ 5146 w 5740"/>
                <a:gd name="T63" fmla="*/ 600 h 2098"/>
                <a:gd name="T64" fmla="*/ 5451 w 5740"/>
                <a:gd name="T65" fmla="*/ 462 h 2098"/>
                <a:gd name="T66" fmla="*/ 5725 w 5740"/>
                <a:gd name="T67" fmla="*/ 324 h 2098"/>
                <a:gd name="T68" fmla="*/ 5982 w 5740"/>
                <a:gd name="T69" fmla="*/ 186 h 2098"/>
                <a:gd name="T70" fmla="*/ 6206 w 5740"/>
                <a:gd name="T71" fmla="*/ 48 h 2098"/>
                <a:gd name="T72" fmla="*/ 6206 w 5740"/>
                <a:gd name="T73" fmla="*/ 0 h 2098"/>
                <a:gd name="T74" fmla="*/ 6206 w 5740"/>
                <a:gd name="T75" fmla="*/ 0 h 2098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</a:gdLst>
              <a:ahLst/>
              <a:cxnLst>
                <a:cxn ang="T76">
                  <a:pos x="T0" y="T1"/>
                </a:cxn>
                <a:cxn ang="T77">
                  <a:pos x="T2" y="T3"/>
                </a:cxn>
                <a:cxn ang="T78">
                  <a:pos x="T4" y="T5"/>
                </a:cxn>
                <a:cxn ang="T79">
                  <a:pos x="T6" y="T7"/>
                </a:cxn>
                <a:cxn ang="T80">
                  <a:pos x="T8" y="T9"/>
                </a:cxn>
                <a:cxn ang="T81">
                  <a:pos x="T10" y="T11"/>
                </a:cxn>
                <a:cxn ang="T82">
                  <a:pos x="T12" y="T13"/>
                </a:cxn>
                <a:cxn ang="T83">
                  <a:pos x="T14" y="T15"/>
                </a:cxn>
                <a:cxn ang="T84">
                  <a:pos x="T16" y="T17"/>
                </a:cxn>
                <a:cxn ang="T85">
                  <a:pos x="T18" y="T19"/>
                </a:cxn>
                <a:cxn ang="T86">
                  <a:pos x="T20" y="T21"/>
                </a:cxn>
                <a:cxn ang="T87">
                  <a:pos x="T22" y="T23"/>
                </a:cxn>
                <a:cxn ang="T88">
                  <a:pos x="T24" y="T25"/>
                </a:cxn>
                <a:cxn ang="T89">
                  <a:pos x="T26" y="T27"/>
                </a:cxn>
                <a:cxn ang="T90">
                  <a:pos x="T28" y="T29"/>
                </a:cxn>
                <a:cxn ang="T91">
                  <a:pos x="T30" y="T31"/>
                </a:cxn>
                <a:cxn ang="T92">
                  <a:pos x="T32" y="T33"/>
                </a:cxn>
                <a:cxn ang="T93">
                  <a:pos x="T34" y="T35"/>
                </a:cxn>
                <a:cxn ang="T94">
                  <a:pos x="T36" y="T37"/>
                </a:cxn>
                <a:cxn ang="T95">
                  <a:pos x="T38" y="T39"/>
                </a:cxn>
                <a:cxn ang="T96">
                  <a:pos x="T40" y="T41"/>
                </a:cxn>
                <a:cxn ang="T97">
                  <a:pos x="T42" y="T43"/>
                </a:cxn>
                <a:cxn ang="T98">
                  <a:pos x="T44" y="T45"/>
                </a:cxn>
                <a:cxn ang="T99">
                  <a:pos x="T46" y="T47"/>
                </a:cxn>
                <a:cxn ang="T100">
                  <a:pos x="T48" y="T49"/>
                </a:cxn>
                <a:cxn ang="T101">
                  <a:pos x="T50" y="T51"/>
                </a:cxn>
                <a:cxn ang="T102">
                  <a:pos x="T52" y="T53"/>
                </a:cxn>
                <a:cxn ang="T103">
                  <a:pos x="T54" y="T55"/>
                </a:cxn>
                <a:cxn ang="T104">
                  <a:pos x="T56" y="T57"/>
                </a:cxn>
                <a:cxn ang="T105">
                  <a:pos x="T58" y="T59"/>
                </a:cxn>
                <a:cxn ang="T106">
                  <a:pos x="T60" y="T61"/>
                </a:cxn>
                <a:cxn ang="T107">
                  <a:pos x="T62" y="T63"/>
                </a:cxn>
                <a:cxn ang="T108">
                  <a:pos x="T64" y="T65"/>
                </a:cxn>
                <a:cxn ang="T109">
                  <a:pos x="T66" y="T67"/>
                </a:cxn>
                <a:cxn ang="T110">
                  <a:pos x="T68" y="T69"/>
                </a:cxn>
                <a:cxn ang="T111">
                  <a:pos x="T70" y="T71"/>
                </a:cxn>
                <a:cxn ang="T112">
                  <a:pos x="T72" y="T73"/>
                </a:cxn>
                <a:cxn ang="T113">
                  <a:pos x="T74" y="T75"/>
                </a:cxn>
              </a:cxnLst>
              <a:rect l="0" t="0" r="r" b="b"/>
              <a:pathLst>
                <a:path w="5740" h="2098">
                  <a:moveTo>
                    <a:pt x="5740" y="0"/>
                  </a:moveTo>
                  <a:lnTo>
                    <a:pt x="5638" y="72"/>
                  </a:lnTo>
                  <a:lnTo>
                    <a:pt x="5537" y="138"/>
                  </a:lnTo>
                  <a:lnTo>
                    <a:pt x="5423" y="210"/>
                  </a:lnTo>
                  <a:lnTo>
                    <a:pt x="5304" y="276"/>
                  </a:lnTo>
                  <a:lnTo>
                    <a:pt x="5052" y="414"/>
                  </a:lnTo>
                  <a:lnTo>
                    <a:pt x="4777" y="552"/>
                  </a:lnTo>
                  <a:lnTo>
                    <a:pt x="4478" y="690"/>
                  </a:lnTo>
                  <a:lnTo>
                    <a:pt x="4162" y="827"/>
                  </a:lnTo>
                  <a:lnTo>
                    <a:pt x="3827" y="959"/>
                  </a:lnTo>
                  <a:lnTo>
                    <a:pt x="3468" y="1091"/>
                  </a:lnTo>
                  <a:lnTo>
                    <a:pt x="3091" y="1223"/>
                  </a:lnTo>
                  <a:lnTo>
                    <a:pt x="2697" y="1355"/>
                  </a:lnTo>
                  <a:lnTo>
                    <a:pt x="2284" y="1481"/>
                  </a:lnTo>
                  <a:lnTo>
                    <a:pt x="1860" y="1601"/>
                  </a:lnTo>
                  <a:lnTo>
                    <a:pt x="1417" y="1721"/>
                  </a:lnTo>
                  <a:lnTo>
                    <a:pt x="957" y="1834"/>
                  </a:lnTo>
                  <a:lnTo>
                    <a:pt x="484" y="1948"/>
                  </a:lnTo>
                  <a:lnTo>
                    <a:pt x="0" y="2056"/>
                  </a:lnTo>
                  <a:lnTo>
                    <a:pt x="0" y="2098"/>
                  </a:lnTo>
                  <a:lnTo>
                    <a:pt x="478" y="1990"/>
                  </a:lnTo>
                  <a:lnTo>
                    <a:pt x="951" y="1882"/>
                  </a:lnTo>
                  <a:lnTo>
                    <a:pt x="1405" y="1763"/>
                  </a:lnTo>
                  <a:lnTo>
                    <a:pt x="1842" y="1649"/>
                  </a:lnTo>
                  <a:lnTo>
                    <a:pt x="2266" y="1523"/>
                  </a:lnTo>
                  <a:lnTo>
                    <a:pt x="2679" y="1397"/>
                  </a:lnTo>
                  <a:lnTo>
                    <a:pt x="3067" y="1271"/>
                  </a:lnTo>
                  <a:lnTo>
                    <a:pt x="3444" y="1139"/>
                  </a:lnTo>
                  <a:lnTo>
                    <a:pt x="3803" y="1007"/>
                  </a:lnTo>
                  <a:lnTo>
                    <a:pt x="4138" y="875"/>
                  </a:lnTo>
                  <a:lnTo>
                    <a:pt x="4460" y="737"/>
                  </a:lnTo>
                  <a:lnTo>
                    <a:pt x="4759" y="600"/>
                  </a:lnTo>
                  <a:lnTo>
                    <a:pt x="5040" y="462"/>
                  </a:lnTo>
                  <a:lnTo>
                    <a:pt x="5292" y="324"/>
                  </a:lnTo>
                  <a:lnTo>
                    <a:pt x="5531" y="186"/>
                  </a:lnTo>
                  <a:lnTo>
                    <a:pt x="5740" y="48"/>
                  </a:lnTo>
                  <a:lnTo>
                    <a:pt x="5740" y="0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037" name="Freeform 8">
              <a:extLst>
                <a:ext uri="{FF2B5EF4-FFF2-40B4-BE49-F238E27FC236}">
                  <a16:creationId xmlns:a16="http://schemas.microsoft.com/office/drawing/2014/main" id="{DE226DCF-24B9-CD9D-C030-72B75F934C82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102"/>
              <a:ext cx="1961" cy="1265"/>
            </a:xfrm>
            <a:custGeom>
              <a:avLst/>
              <a:gdLst>
                <a:gd name="T0" fmla="*/ 2105 w 1955"/>
                <a:gd name="T1" fmla="*/ 485 h 1265"/>
                <a:gd name="T2" fmla="*/ 2051 w 1955"/>
                <a:gd name="T3" fmla="*/ 390 h 1265"/>
                <a:gd name="T4" fmla="*/ 1915 w 1955"/>
                <a:gd name="T5" fmla="*/ 306 h 1265"/>
                <a:gd name="T6" fmla="*/ 1704 w 1955"/>
                <a:gd name="T7" fmla="*/ 228 h 1265"/>
                <a:gd name="T8" fmla="*/ 1427 w 1955"/>
                <a:gd name="T9" fmla="*/ 162 h 1265"/>
                <a:gd name="T10" fmla="*/ 1085 w 1955"/>
                <a:gd name="T11" fmla="*/ 102 h 1265"/>
                <a:gd name="T12" fmla="*/ 696 w 1955"/>
                <a:gd name="T13" fmla="*/ 54 h 1265"/>
                <a:gd name="T14" fmla="*/ 252 w 1955"/>
                <a:gd name="T15" fmla="*/ 18 h 1265"/>
                <a:gd name="T16" fmla="*/ 0 w 1955"/>
                <a:gd name="T17" fmla="*/ 12 h 1265"/>
                <a:gd name="T18" fmla="*/ 456 w 1955"/>
                <a:gd name="T19" fmla="*/ 48 h 1265"/>
                <a:gd name="T20" fmla="*/ 887 w 1955"/>
                <a:gd name="T21" fmla="*/ 90 h 1265"/>
                <a:gd name="T22" fmla="*/ 1248 w 1955"/>
                <a:gd name="T23" fmla="*/ 144 h 1265"/>
                <a:gd name="T24" fmla="*/ 1537 w 1955"/>
                <a:gd name="T25" fmla="*/ 204 h 1265"/>
                <a:gd name="T26" fmla="*/ 1763 w 1955"/>
                <a:gd name="T27" fmla="*/ 276 h 1265"/>
                <a:gd name="T28" fmla="*/ 1944 w 1955"/>
                <a:gd name="T29" fmla="*/ 360 h 1265"/>
                <a:gd name="T30" fmla="*/ 2033 w 1955"/>
                <a:gd name="T31" fmla="*/ 443 h 1265"/>
                <a:gd name="T32" fmla="*/ 2051 w 1955"/>
                <a:gd name="T33" fmla="*/ 539 h 1265"/>
                <a:gd name="T34" fmla="*/ 2004 w 1955"/>
                <a:gd name="T35" fmla="*/ 629 h 1265"/>
                <a:gd name="T36" fmla="*/ 1886 w 1955"/>
                <a:gd name="T37" fmla="*/ 719 h 1265"/>
                <a:gd name="T38" fmla="*/ 1704 w 1955"/>
                <a:gd name="T39" fmla="*/ 809 h 1265"/>
                <a:gd name="T40" fmla="*/ 1457 w 1955"/>
                <a:gd name="T41" fmla="*/ 899 h 1265"/>
                <a:gd name="T42" fmla="*/ 1170 w 1955"/>
                <a:gd name="T43" fmla="*/ 989 h 1265"/>
                <a:gd name="T44" fmla="*/ 815 w 1955"/>
                <a:gd name="T45" fmla="*/ 1073 h 1265"/>
                <a:gd name="T46" fmla="*/ 432 w 1955"/>
                <a:gd name="T47" fmla="*/ 1157 h 1265"/>
                <a:gd name="T48" fmla="*/ 0 w 1955"/>
                <a:gd name="T49" fmla="*/ 1241 h 1265"/>
                <a:gd name="T50" fmla="*/ 240 w 1955"/>
                <a:gd name="T51" fmla="*/ 1223 h 1265"/>
                <a:gd name="T52" fmla="*/ 660 w 1955"/>
                <a:gd name="T53" fmla="*/ 1139 h 1265"/>
                <a:gd name="T54" fmla="*/ 1032 w 1955"/>
                <a:gd name="T55" fmla="*/ 1049 h 1265"/>
                <a:gd name="T56" fmla="*/ 1362 w 1955"/>
                <a:gd name="T57" fmla="*/ 959 h 1265"/>
                <a:gd name="T58" fmla="*/ 1638 w 1955"/>
                <a:gd name="T59" fmla="*/ 863 h 1265"/>
                <a:gd name="T60" fmla="*/ 1850 w 1955"/>
                <a:gd name="T61" fmla="*/ 767 h 1265"/>
                <a:gd name="T62" fmla="*/ 2010 w 1955"/>
                <a:gd name="T63" fmla="*/ 677 h 1265"/>
                <a:gd name="T64" fmla="*/ 2087 w 1955"/>
                <a:gd name="T65" fmla="*/ 581 h 1265"/>
                <a:gd name="T66" fmla="*/ 2105 w 1955"/>
                <a:gd name="T67" fmla="*/ 533 h 1265"/>
                <a:gd name="T68" fmla="*/ 0 60000 65536"/>
                <a:gd name="T69" fmla="*/ 0 60000 65536"/>
                <a:gd name="T70" fmla="*/ 0 60000 65536"/>
                <a:gd name="T71" fmla="*/ 0 60000 6553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</a:gdLst>
              <a:ahLst/>
              <a:cxnLst>
                <a:cxn ang="T68">
                  <a:pos x="T0" y="T1"/>
                </a:cxn>
                <a:cxn ang="T69">
                  <a:pos x="T2" y="T3"/>
                </a:cxn>
                <a:cxn ang="T70">
                  <a:pos x="T4" y="T5"/>
                </a:cxn>
                <a:cxn ang="T71">
                  <a:pos x="T6" y="T7"/>
                </a:cxn>
                <a:cxn ang="T72">
                  <a:pos x="T8" y="T9"/>
                </a:cxn>
                <a:cxn ang="T73">
                  <a:pos x="T10" y="T11"/>
                </a:cxn>
                <a:cxn ang="T74">
                  <a:pos x="T12" y="T13"/>
                </a:cxn>
                <a:cxn ang="T75">
                  <a:pos x="T14" y="T15"/>
                </a:cxn>
                <a:cxn ang="T76">
                  <a:pos x="T16" y="T17"/>
                </a:cxn>
                <a:cxn ang="T77">
                  <a:pos x="T18" y="T19"/>
                </a:cxn>
                <a:cxn ang="T78">
                  <a:pos x="T20" y="T21"/>
                </a:cxn>
                <a:cxn ang="T79">
                  <a:pos x="T22" y="T23"/>
                </a:cxn>
                <a:cxn ang="T80">
                  <a:pos x="T24" y="T25"/>
                </a:cxn>
                <a:cxn ang="T81">
                  <a:pos x="T26" y="T27"/>
                </a:cxn>
                <a:cxn ang="T82">
                  <a:pos x="T28" y="T29"/>
                </a:cxn>
                <a:cxn ang="T83">
                  <a:pos x="T30" y="T31"/>
                </a:cxn>
                <a:cxn ang="T84">
                  <a:pos x="T32" y="T33"/>
                </a:cxn>
                <a:cxn ang="T85">
                  <a:pos x="T34" y="T35"/>
                </a:cxn>
                <a:cxn ang="T86">
                  <a:pos x="T36" y="T37"/>
                </a:cxn>
                <a:cxn ang="T87">
                  <a:pos x="T38" y="T39"/>
                </a:cxn>
                <a:cxn ang="T88">
                  <a:pos x="T40" y="T41"/>
                </a:cxn>
                <a:cxn ang="T89">
                  <a:pos x="T42" y="T43"/>
                </a:cxn>
                <a:cxn ang="T90">
                  <a:pos x="T44" y="T45"/>
                </a:cxn>
                <a:cxn ang="T91">
                  <a:pos x="T46" y="T47"/>
                </a:cxn>
                <a:cxn ang="T92">
                  <a:pos x="T48" y="T49"/>
                </a:cxn>
                <a:cxn ang="T93">
                  <a:pos x="T50" y="T51"/>
                </a:cxn>
                <a:cxn ang="T94">
                  <a:pos x="T52" y="T53"/>
                </a:cxn>
                <a:cxn ang="T95">
                  <a:pos x="T54" y="T55"/>
                </a:cxn>
                <a:cxn ang="T96">
                  <a:pos x="T56" y="T57"/>
                </a:cxn>
                <a:cxn ang="T97">
                  <a:pos x="T58" y="T59"/>
                </a:cxn>
                <a:cxn ang="T98">
                  <a:pos x="T60" y="T61"/>
                </a:cxn>
                <a:cxn ang="T99">
                  <a:pos x="T62" y="T63"/>
                </a:cxn>
                <a:cxn ang="T100">
                  <a:pos x="T64" y="T65"/>
                </a:cxn>
                <a:cxn ang="T101">
                  <a:pos x="T66" y="T67"/>
                </a:cxn>
              </a:cxnLst>
              <a:rect l="0" t="0" r="r" b="b"/>
              <a:pathLst>
                <a:path w="1955" h="1265">
                  <a:moveTo>
                    <a:pt x="1955" y="533"/>
                  </a:moveTo>
                  <a:lnTo>
                    <a:pt x="1955" y="485"/>
                  </a:lnTo>
                  <a:lnTo>
                    <a:pt x="1937" y="438"/>
                  </a:lnTo>
                  <a:lnTo>
                    <a:pt x="1901" y="390"/>
                  </a:lnTo>
                  <a:lnTo>
                    <a:pt x="1842" y="348"/>
                  </a:lnTo>
                  <a:lnTo>
                    <a:pt x="1770" y="306"/>
                  </a:lnTo>
                  <a:lnTo>
                    <a:pt x="1686" y="270"/>
                  </a:lnTo>
                  <a:lnTo>
                    <a:pt x="1579" y="228"/>
                  </a:lnTo>
                  <a:lnTo>
                    <a:pt x="1459" y="198"/>
                  </a:lnTo>
                  <a:lnTo>
                    <a:pt x="1327" y="162"/>
                  </a:lnTo>
                  <a:lnTo>
                    <a:pt x="1178" y="132"/>
                  </a:lnTo>
                  <a:lnTo>
                    <a:pt x="1010" y="102"/>
                  </a:lnTo>
                  <a:lnTo>
                    <a:pt x="837" y="78"/>
                  </a:lnTo>
                  <a:lnTo>
                    <a:pt x="646" y="54"/>
                  </a:lnTo>
                  <a:lnTo>
                    <a:pt x="442" y="36"/>
                  </a:lnTo>
                  <a:lnTo>
                    <a:pt x="227" y="18"/>
                  </a:lnTo>
                  <a:lnTo>
                    <a:pt x="0" y="0"/>
                  </a:lnTo>
                  <a:lnTo>
                    <a:pt x="0" y="12"/>
                  </a:lnTo>
                  <a:lnTo>
                    <a:pt x="221" y="30"/>
                  </a:lnTo>
                  <a:lnTo>
                    <a:pt x="431" y="48"/>
                  </a:lnTo>
                  <a:lnTo>
                    <a:pt x="628" y="66"/>
                  </a:lnTo>
                  <a:lnTo>
                    <a:pt x="813" y="90"/>
                  </a:lnTo>
                  <a:lnTo>
                    <a:pt x="987" y="114"/>
                  </a:lnTo>
                  <a:lnTo>
                    <a:pt x="1148" y="144"/>
                  </a:lnTo>
                  <a:lnTo>
                    <a:pt x="1292" y="174"/>
                  </a:lnTo>
                  <a:lnTo>
                    <a:pt x="1423" y="204"/>
                  </a:lnTo>
                  <a:lnTo>
                    <a:pt x="1537" y="240"/>
                  </a:lnTo>
                  <a:lnTo>
                    <a:pt x="1638" y="276"/>
                  </a:lnTo>
                  <a:lnTo>
                    <a:pt x="1728" y="318"/>
                  </a:lnTo>
                  <a:lnTo>
                    <a:pt x="1794" y="360"/>
                  </a:lnTo>
                  <a:lnTo>
                    <a:pt x="1848" y="402"/>
                  </a:lnTo>
                  <a:lnTo>
                    <a:pt x="1883" y="443"/>
                  </a:lnTo>
                  <a:lnTo>
                    <a:pt x="1901" y="491"/>
                  </a:lnTo>
                  <a:lnTo>
                    <a:pt x="1901" y="539"/>
                  </a:lnTo>
                  <a:lnTo>
                    <a:pt x="1883" y="587"/>
                  </a:lnTo>
                  <a:lnTo>
                    <a:pt x="1854" y="629"/>
                  </a:lnTo>
                  <a:lnTo>
                    <a:pt x="1806" y="677"/>
                  </a:lnTo>
                  <a:lnTo>
                    <a:pt x="1746" y="719"/>
                  </a:lnTo>
                  <a:lnTo>
                    <a:pt x="1668" y="767"/>
                  </a:lnTo>
                  <a:lnTo>
                    <a:pt x="1579" y="809"/>
                  </a:lnTo>
                  <a:lnTo>
                    <a:pt x="1471" y="857"/>
                  </a:lnTo>
                  <a:lnTo>
                    <a:pt x="1357" y="899"/>
                  </a:lnTo>
                  <a:lnTo>
                    <a:pt x="1226" y="941"/>
                  </a:lnTo>
                  <a:lnTo>
                    <a:pt x="1088" y="989"/>
                  </a:lnTo>
                  <a:lnTo>
                    <a:pt x="933" y="1031"/>
                  </a:lnTo>
                  <a:lnTo>
                    <a:pt x="765" y="1073"/>
                  </a:lnTo>
                  <a:lnTo>
                    <a:pt x="592" y="1115"/>
                  </a:lnTo>
                  <a:lnTo>
                    <a:pt x="407" y="1157"/>
                  </a:lnTo>
                  <a:lnTo>
                    <a:pt x="209" y="1199"/>
                  </a:lnTo>
                  <a:lnTo>
                    <a:pt x="0" y="1241"/>
                  </a:lnTo>
                  <a:lnTo>
                    <a:pt x="0" y="1265"/>
                  </a:lnTo>
                  <a:lnTo>
                    <a:pt x="215" y="1223"/>
                  </a:lnTo>
                  <a:lnTo>
                    <a:pt x="413" y="1181"/>
                  </a:lnTo>
                  <a:lnTo>
                    <a:pt x="610" y="1139"/>
                  </a:lnTo>
                  <a:lnTo>
                    <a:pt x="789" y="1091"/>
                  </a:lnTo>
                  <a:lnTo>
                    <a:pt x="957" y="1049"/>
                  </a:lnTo>
                  <a:lnTo>
                    <a:pt x="1118" y="1001"/>
                  </a:lnTo>
                  <a:lnTo>
                    <a:pt x="1262" y="959"/>
                  </a:lnTo>
                  <a:lnTo>
                    <a:pt x="1393" y="911"/>
                  </a:lnTo>
                  <a:lnTo>
                    <a:pt x="1513" y="863"/>
                  </a:lnTo>
                  <a:lnTo>
                    <a:pt x="1620" y="815"/>
                  </a:lnTo>
                  <a:lnTo>
                    <a:pt x="1716" y="767"/>
                  </a:lnTo>
                  <a:lnTo>
                    <a:pt x="1794" y="725"/>
                  </a:lnTo>
                  <a:lnTo>
                    <a:pt x="1860" y="677"/>
                  </a:lnTo>
                  <a:lnTo>
                    <a:pt x="1907" y="629"/>
                  </a:lnTo>
                  <a:lnTo>
                    <a:pt x="1937" y="581"/>
                  </a:lnTo>
                  <a:lnTo>
                    <a:pt x="1955" y="533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038" name="Freeform 9">
              <a:extLst>
                <a:ext uri="{FF2B5EF4-FFF2-40B4-BE49-F238E27FC236}">
                  <a16:creationId xmlns:a16="http://schemas.microsoft.com/office/drawing/2014/main" id="{67078521-115D-7719-6A10-BBE00D40BFCD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0"/>
              <a:ext cx="4709" cy="2901"/>
            </a:xfrm>
            <a:custGeom>
              <a:avLst/>
              <a:gdLst>
                <a:gd name="T0" fmla="*/ 5083 w 4694"/>
                <a:gd name="T1" fmla="*/ 797 h 2901"/>
                <a:gd name="T2" fmla="*/ 5051 w 4694"/>
                <a:gd name="T3" fmla="*/ 665 h 2901"/>
                <a:gd name="T4" fmla="*/ 4968 w 4694"/>
                <a:gd name="T5" fmla="*/ 540 h 2901"/>
                <a:gd name="T6" fmla="*/ 4835 w 4694"/>
                <a:gd name="T7" fmla="*/ 426 h 2901"/>
                <a:gd name="T8" fmla="*/ 4656 w 4694"/>
                <a:gd name="T9" fmla="*/ 312 h 2901"/>
                <a:gd name="T10" fmla="*/ 4423 w 4694"/>
                <a:gd name="T11" fmla="*/ 216 h 2901"/>
                <a:gd name="T12" fmla="*/ 4151 w 4694"/>
                <a:gd name="T13" fmla="*/ 120 h 2901"/>
                <a:gd name="T14" fmla="*/ 3834 w 4694"/>
                <a:gd name="T15" fmla="*/ 36 h 2901"/>
                <a:gd name="T16" fmla="*/ 3471 w 4694"/>
                <a:gd name="T17" fmla="*/ 0 h 2901"/>
                <a:gd name="T18" fmla="*/ 3834 w 4694"/>
                <a:gd name="T19" fmla="*/ 78 h 2901"/>
                <a:gd name="T20" fmla="*/ 4151 w 4694"/>
                <a:gd name="T21" fmla="*/ 162 h 2901"/>
                <a:gd name="T22" fmla="*/ 4423 w 4694"/>
                <a:gd name="T23" fmla="*/ 258 h 2901"/>
                <a:gd name="T24" fmla="*/ 4644 w 4694"/>
                <a:gd name="T25" fmla="*/ 366 h 2901"/>
                <a:gd name="T26" fmla="*/ 4811 w 4694"/>
                <a:gd name="T27" fmla="*/ 480 h 2901"/>
                <a:gd name="T28" fmla="*/ 4929 w 4694"/>
                <a:gd name="T29" fmla="*/ 605 h 2901"/>
                <a:gd name="T30" fmla="*/ 4993 w 4694"/>
                <a:gd name="T31" fmla="*/ 737 h 2901"/>
                <a:gd name="T32" fmla="*/ 4993 w 4694"/>
                <a:gd name="T33" fmla="*/ 875 h 2901"/>
                <a:gd name="T34" fmla="*/ 4949 w 4694"/>
                <a:gd name="T35" fmla="*/ 1001 h 2901"/>
                <a:gd name="T36" fmla="*/ 4861 w 4694"/>
                <a:gd name="T37" fmla="*/ 1127 h 2901"/>
                <a:gd name="T38" fmla="*/ 4734 w 4694"/>
                <a:gd name="T39" fmla="*/ 1259 h 2901"/>
                <a:gd name="T40" fmla="*/ 4565 w 4694"/>
                <a:gd name="T41" fmla="*/ 1385 h 2901"/>
                <a:gd name="T42" fmla="*/ 4358 w 4694"/>
                <a:gd name="T43" fmla="*/ 1517 h 2901"/>
                <a:gd name="T44" fmla="*/ 4118 w 4694"/>
                <a:gd name="T45" fmla="*/ 1648 h 2901"/>
                <a:gd name="T46" fmla="*/ 3841 w 4694"/>
                <a:gd name="T47" fmla="*/ 1774 h 2901"/>
                <a:gd name="T48" fmla="*/ 3531 w 4694"/>
                <a:gd name="T49" fmla="*/ 1906 h 2901"/>
                <a:gd name="T50" fmla="*/ 3188 w 4694"/>
                <a:gd name="T51" fmla="*/ 2032 h 2901"/>
                <a:gd name="T52" fmla="*/ 2811 w 4694"/>
                <a:gd name="T53" fmla="*/ 2164 h 2901"/>
                <a:gd name="T54" fmla="*/ 2406 w 4694"/>
                <a:gd name="T55" fmla="*/ 2284 h 2901"/>
                <a:gd name="T56" fmla="*/ 1974 w 4694"/>
                <a:gd name="T57" fmla="*/ 2410 h 2901"/>
                <a:gd name="T58" fmla="*/ 1521 w 4694"/>
                <a:gd name="T59" fmla="*/ 2530 h 2901"/>
                <a:gd name="T60" fmla="*/ 534 w 4694"/>
                <a:gd name="T61" fmla="*/ 2757 h 2901"/>
                <a:gd name="T62" fmla="*/ 0 w 4694"/>
                <a:gd name="T63" fmla="*/ 2901 h 2901"/>
                <a:gd name="T64" fmla="*/ 1044 w 4694"/>
                <a:gd name="T65" fmla="*/ 2674 h 2901"/>
                <a:gd name="T66" fmla="*/ 1771 w 4694"/>
                <a:gd name="T67" fmla="*/ 2494 h 2901"/>
                <a:gd name="T68" fmla="*/ 2232 w 4694"/>
                <a:gd name="T69" fmla="*/ 2374 h 2901"/>
                <a:gd name="T70" fmla="*/ 2651 w 4694"/>
                <a:gd name="T71" fmla="*/ 2248 h 2901"/>
                <a:gd name="T72" fmla="*/ 3048 w 4694"/>
                <a:gd name="T73" fmla="*/ 2116 h 2901"/>
                <a:gd name="T74" fmla="*/ 3412 w 4694"/>
                <a:gd name="T75" fmla="*/ 1984 h 2901"/>
                <a:gd name="T76" fmla="*/ 3749 w 4694"/>
                <a:gd name="T77" fmla="*/ 1858 h 2901"/>
                <a:gd name="T78" fmla="*/ 4047 w 4694"/>
                <a:gd name="T79" fmla="*/ 1720 h 2901"/>
                <a:gd name="T80" fmla="*/ 4313 w 4694"/>
                <a:gd name="T81" fmla="*/ 1589 h 2901"/>
                <a:gd name="T82" fmla="*/ 4538 w 4694"/>
                <a:gd name="T83" fmla="*/ 1457 h 2901"/>
                <a:gd name="T84" fmla="*/ 4734 w 4694"/>
                <a:gd name="T85" fmla="*/ 1325 h 2901"/>
                <a:gd name="T86" fmla="*/ 4881 w 4694"/>
                <a:gd name="T87" fmla="*/ 1193 h 2901"/>
                <a:gd name="T88" fmla="*/ 4993 w 4694"/>
                <a:gd name="T89" fmla="*/ 1061 h 2901"/>
                <a:gd name="T90" fmla="*/ 5057 w 4694"/>
                <a:gd name="T91" fmla="*/ 935 h 2901"/>
                <a:gd name="T92" fmla="*/ 5077 w 4694"/>
                <a:gd name="T93" fmla="*/ 869 h 2901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</a:gdLst>
              <a:ahLst/>
              <a:cxnLst>
                <a:cxn ang="T94">
                  <a:pos x="T0" y="T1"/>
                </a:cxn>
                <a:cxn ang="T95">
                  <a:pos x="T2" y="T3"/>
                </a:cxn>
                <a:cxn ang="T96">
                  <a:pos x="T4" y="T5"/>
                </a:cxn>
                <a:cxn ang="T97">
                  <a:pos x="T6" y="T7"/>
                </a:cxn>
                <a:cxn ang="T98">
                  <a:pos x="T8" y="T9"/>
                </a:cxn>
                <a:cxn ang="T99">
                  <a:pos x="T10" y="T11"/>
                </a:cxn>
                <a:cxn ang="T100">
                  <a:pos x="T12" y="T13"/>
                </a:cxn>
                <a:cxn ang="T101">
                  <a:pos x="T14" y="T15"/>
                </a:cxn>
                <a:cxn ang="T102">
                  <a:pos x="T16" y="T17"/>
                </a:cxn>
                <a:cxn ang="T103">
                  <a:pos x="T18" y="T19"/>
                </a:cxn>
                <a:cxn ang="T104">
                  <a:pos x="T20" y="T21"/>
                </a:cxn>
                <a:cxn ang="T105">
                  <a:pos x="T22" y="T23"/>
                </a:cxn>
                <a:cxn ang="T106">
                  <a:pos x="T24" y="T25"/>
                </a:cxn>
                <a:cxn ang="T107">
                  <a:pos x="T26" y="T27"/>
                </a:cxn>
                <a:cxn ang="T108">
                  <a:pos x="T28" y="T29"/>
                </a:cxn>
                <a:cxn ang="T109">
                  <a:pos x="T30" y="T31"/>
                </a:cxn>
                <a:cxn ang="T110">
                  <a:pos x="T32" y="T33"/>
                </a:cxn>
                <a:cxn ang="T111">
                  <a:pos x="T34" y="T35"/>
                </a:cxn>
                <a:cxn ang="T112">
                  <a:pos x="T36" y="T37"/>
                </a:cxn>
                <a:cxn ang="T113">
                  <a:pos x="T38" y="T39"/>
                </a:cxn>
                <a:cxn ang="T114">
                  <a:pos x="T40" y="T41"/>
                </a:cxn>
                <a:cxn ang="T115">
                  <a:pos x="T42" y="T43"/>
                </a:cxn>
                <a:cxn ang="T116">
                  <a:pos x="T44" y="T45"/>
                </a:cxn>
                <a:cxn ang="T117">
                  <a:pos x="T46" y="T47"/>
                </a:cxn>
                <a:cxn ang="T118">
                  <a:pos x="T48" y="T49"/>
                </a:cxn>
                <a:cxn ang="T119">
                  <a:pos x="T50" y="T51"/>
                </a:cxn>
                <a:cxn ang="T120">
                  <a:pos x="T52" y="T53"/>
                </a:cxn>
                <a:cxn ang="T121">
                  <a:pos x="T54" y="T55"/>
                </a:cxn>
                <a:cxn ang="T122">
                  <a:pos x="T56" y="T57"/>
                </a:cxn>
                <a:cxn ang="T123">
                  <a:pos x="T58" y="T59"/>
                </a:cxn>
                <a:cxn ang="T124">
                  <a:pos x="T60" y="T61"/>
                </a:cxn>
                <a:cxn ang="T125">
                  <a:pos x="T62" y="T63"/>
                </a:cxn>
                <a:cxn ang="T126">
                  <a:pos x="T64" y="T65"/>
                </a:cxn>
                <a:cxn ang="T127">
                  <a:pos x="T66" y="T67"/>
                </a:cxn>
                <a:cxn ang="T128">
                  <a:pos x="T68" y="T69"/>
                </a:cxn>
                <a:cxn ang="T129">
                  <a:pos x="T70" y="T71"/>
                </a:cxn>
                <a:cxn ang="T130">
                  <a:pos x="T72" y="T73"/>
                </a:cxn>
                <a:cxn ang="T131">
                  <a:pos x="T74" y="T75"/>
                </a:cxn>
                <a:cxn ang="T132">
                  <a:pos x="T76" y="T77"/>
                </a:cxn>
                <a:cxn ang="T133">
                  <a:pos x="T78" y="T79"/>
                </a:cxn>
                <a:cxn ang="T134">
                  <a:pos x="T80" y="T81"/>
                </a:cxn>
                <a:cxn ang="T135">
                  <a:pos x="T82" y="T83"/>
                </a:cxn>
                <a:cxn ang="T136">
                  <a:pos x="T84" y="T85"/>
                </a:cxn>
                <a:cxn ang="T137">
                  <a:pos x="T86" y="T87"/>
                </a:cxn>
                <a:cxn ang="T138">
                  <a:pos x="T88" y="T89"/>
                </a:cxn>
                <a:cxn ang="T139">
                  <a:pos x="T90" y="T91"/>
                </a:cxn>
                <a:cxn ang="T140">
                  <a:pos x="T92" y="T93"/>
                </a:cxn>
              </a:cxnLst>
              <a:rect l="0" t="0" r="r" b="b"/>
              <a:pathLst>
                <a:path w="4694" h="2901">
                  <a:moveTo>
                    <a:pt x="4688" y="869"/>
                  </a:moveTo>
                  <a:lnTo>
                    <a:pt x="4694" y="797"/>
                  </a:lnTo>
                  <a:lnTo>
                    <a:pt x="4688" y="731"/>
                  </a:lnTo>
                  <a:lnTo>
                    <a:pt x="4664" y="665"/>
                  </a:lnTo>
                  <a:lnTo>
                    <a:pt x="4634" y="599"/>
                  </a:lnTo>
                  <a:lnTo>
                    <a:pt x="4586" y="540"/>
                  </a:lnTo>
                  <a:lnTo>
                    <a:pt x="4532" y="480"/>
                  </a:lnTo>
                  <a:lnTo>
                    <a:pt x="4466" y="426"/>
                  </a:lnTo>
                  <a:lnTo>
                    <a:pt x="4389" y="366"/>
                  </a:lnTo>
                  <a:lnTo>
                    <a:pt x="4299" y="312"/>
                  </a:lnTo>
                  <a:lnTo>
                    <a:pt x="4197" y="264"/>
                  </a:lnTo>
                  <a:lnTo>
                    <a:pt x="4084" y="216"/>
                  </a:lnTo>
                  <a:lnTo>
                    <a:pt x="3964" y="168"/>
                  </a:lnTo>
                  <a:lnTo>
                    <a:pt x="3833" y="120"/>
                  </a:lnTo>
                  <a:lnTo>
                    <a:pt x="3689" y="78"/>
                  </a:lnTo>
                  <a:lnTo>
                    <a:pt x="3540" y="36"/>
                  </a:lnTo>
                  <a:lnTo>
                    <a:pt x="3378" y="0"/>
                  </a:lnTo>
                  <a:lnTo>
                    <a:pt x="3205" y="0"/>
                  </a:lnTo>
                  <a:lnTo>
                    <a:pt x="3378" y="36"/>
                  </a:lnTo>
                  <a:lnTo>
                    <a:pt x="3540" y="78"/>
                  </a:lnTo>
                  <a:lnTo>
                    <a:pt x="3689" y="120"/>
                  </a:lnTo>
                  <a:lnTo>
                    <a:pt x="3833" y="162"/>
                  </a:lnTo>
                  <a:lnTo>
                    <a:pt x="3964" y="210"/>
                  </a:lnTo>
                  <a:lnTo>
                    <a:pt x="4084" y="258"/>
                  </a:lnTo>
                  <a:lnTo>
                    <a:pt x="4191" y="312"/>
                  </a:lnTo>
                  <a:lnTo>
                    <a:pt x="4287" y="366"/>
                  </a:lnTo>
                  <a:lnTo>
                    <a:pt x="4371" y="420"/>
                  </a:lnTo>
                  <a:lnTo>
                    <a:pt x="4443" y="480"/>
                  </a:lnTo>
                  <a:lnTo>
                    <a:pt x="4502" y="540"/>
                  </a:lnTo>
                  <a:lnTo>
                    <a:pt x="4550" y="605"/>
                  </a:lnTo>
                  <a:lnTo>
                    <a:pt x="4586" y="671"/>
                  </a:lnTo>
                  <a:lnTo>
                    <a:pt x="4610" y="737"/>
                  </a:lnTo>
                  <a:lnTo>
                    <a:pt x="4616" y="803"/>
                  </a:lnTo>
                  <a:lnTo>
                    <a:pt x="4610" y="875"/>
                  </a:lnTo>
                  <a:lnTo>
                    <a:pt x="4592" y="935"/>
                  </a:lnTo>
                  <a:lnTo>
                    <a:pt x="4568" y="1001"/>
                  </a:lnTo>
                  <a:lnTo>
                    <a:pt x="4532" y="1067"/>
                  </a:lnTo>
                  <a:lnTo>
                    <a:pt x="4490" y="1127"/>
                  </a:lnTo>
                  <a:lnTo>
                    <a:pt x="4437" y="1193"/>
                  </a:lnTo>
                  <a:lnTo>
                    <a:pt x="4371" y="1259"/>
                  </a:lnTo>
                  <a:lnTo>
                    <a:pt x="4299" y="1325"/>
                  </a:lnTo>
                  <a:lnTo>
                    <a:pt x="4215" y="1385"/>
                  </a:lnTo>
                  <a:lnTo>
                    <a:pt x="4126" y="1451"/>
                  </a:lnTo>
                  <a:lnTo>
                    <a:pt x="4024" y="1517"/>
                  </a:lnTo>
                  <a:lnTo>
                    <a:pt x="3916" y="1583"/>
                  </a:lnTo>
                  <a:lnTo>
                    <a:pt x="3803" y="1648"/>
                  </a:lnTo>
                  <a:lnTo>
                    <a:pt x="3677" y="1714"/>
                  </a:lnTo>
                  <a:lnTo>
                    <a:pt x="3546" y="1774"/>
                  </a:lnTo>
                  <a:lnTo>
                    <a:pt x="3408" y="1840"/>
                  </a:lnTo>
                  <a:lnTo>
                    <a:pt x="3259" y="1906"/>
                  </a:lnTo>
                  <a:lnTo>
                    <a:pt x="3103" y="1972"/>
                  </a:lnTo>
                  <a:lnTo>
                    <a:pt x="2942" y="2032"/>
                  </a:lnTo>
                  <a:lnTo>
                    <a:pt x="2768" y="2098"/>
                  </a:lnTo>
                  <a:lnTo>
                    <a:pt x="2595" y="2164"/>
                  </a:lnTo>
                  <a:lnTo>
                    <a:pt x="2410" y="2224"/>
                  </a:lnTo>
                  <a:lnTo>
                    <a:pt x="2224" y="2284"/>
                  </a:lnTo>
                  <a:lnTo>
                    <a:pt x="2027" y="2350"/>
                  </a:lnTo>
                  <a:lnTo>
                    <a:pt x="1824" y="2410"/>
                  </a:lnTo>
                  <a:lnTo>
                    <a:pt x="1614" y="2470"/>
                  </a:lnTo>
                  <a:lnTo>
                    <a:pt x="1399" y="2530"/>
                  </a:lnTo>
                  <a:lnTo>
                    <a:pt x="957" y="2644"/>
                  </a:lnTo>
                  <a:lnTo>
                    <a:pt x="484" y="2757"/>
                  </a:lnTo>
                  <a:lnTo>
                    <a:pt x="0" y="2865"/>
                  </a:lnTo>
                  <a:lnTo>
                    <a:pt x="0" y="2901"/>
                  </a:lnTo>
                  <a:lnTo>
                    <a:pt x="496" y="2787"/>
                  </a:lnTo>
                  <a:lnTo>
                    <a:pt x="969" y="2674"/>
                  </a:lnTo>
                  <a:lnTo>
                    <a:pt x="1423" y="2554"/>
                  </a:lnTo>
                  <a:lnTo>
                    <a:pt x="1638" y="2494"/>
                  </a:lnTo>
                  <a:lnTo>
                    <a:pt x="1854" y="2434"/>
                  </a:lnTo>
                  <a:lnTo>
                    <a:pt x="2057" y="2374"/>
                  </a:lnTo>
                  <a:lnTo>
                    <a:pt x="2254" y="2308"/>
                  </a:lnTo>
                  <a:lnTo>
                    <a:pt x="2451" y="2248"/>
                  </a:lnTo>
                  <a:lnTo>
                    <a:pt x="2637" y="2182"/>
                  </a:lnTo>
                  <a:lnTo>
                    <a:pt x="2816" y="2116"/>
                  </a:lnTo>
                  <a:lnTo>
                    <a:pt x="2990" y="2050"/>
                  </a:lnTo>
                  <a:lnTo>
                    <a:pt x="3151" y="1984"/>
                  </a:lnTo>
                  <a:lnTo>
                    <a:pt x="3312" y="1924"/>
                  </a:lnTo>
                  <a:lnTo>
                    <a:pt x="3462" y="1858"/>
                  </a:lnTo>
                  <a:lnTo>
                    <a:pt x="3605" y="1792"/>
                  </a:lnTo>
                  <a:lnTo>
                    <a:pt x="3737" y="1720"/>
                  </a:lnTo>
                  <a:lnTo>
                    <a:pt x="3863" y="1654"/>
                  </a:lnTo>
                  <a:lnTo>
                    <a:pt x="3982" y="1589"/>
                  </a:lnTo>
                  <a:lnTo>
                    <a:pt x="4090" y="1523"/>
                  </a:lnTo>
                  <a:lnTo>
                    <a:pt x="4191" y="1457"/>
                  </a:lnTo>
                  <a:lnTo>
                    <a:pt x="4287" y="1391"/>
                  </a:lnTo>
                  <a:lnTo>
                    <a:pt x="4371" y="1325"/>
                  </a:lnTo>
                  <a:lnTo>
                    <a:pt x="4443" y="1259"/>
                  </a:lnTo>
                  <a:lnTo>
                    <a:pt x="4508" y="1193"/>
                  </a:lnTo>
                  <a:lnTo>
                    <a:pt x="4562" y="1127"/>
                  </a:lnTo>
                  <a:lnTo>
                    <a:pt x="4610" y="1061"/>
                  </a:lnTo>
                  <a:lnTo>
                    <a:pt x="4646" y="995"/>
                  </a:lnTo>
                  <a:lnTo>
                    <a:pt x="4670" y="935"/>
                  </a:lnTo>
                  <a:lnTo>
                    <a:pt x="4688" y="869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039" name="Freeform 10">
              <a:extLst>
                <a:ext uri="{FF2B5EF4-FFF2-40B4-BE49-F238E27FC236}">
                  <a16:creationId xmlns:a16="http://schemas.microsoft.com/office/drawing/2014/main" id="{B0B5427B-B352-4A7C-F21E-C77A86B3DC2B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0"/>
              <a:ext cx="3773" cy="2356"/>
            </a:xfrm>
            <a:custGeom>
              <a:avLst/>
              <a:gdLst>
                <a:gd name="T0" fmla="*/ 4072 w 3761"/>
                <a:gd name="T1" fmla="*/ 719 h 2356"/>
                <a:gd name="T2" fmla="*/ 4040 w 3761"/>
                <a:gd name="T3" fmla="*/ 599 h 2356"/>
                <a:gd name="T4" fmla="*/ 3955 w 3761"/>
                <a:gd name="T5" fmla="*/ 486 h 2356"/>
                <a:gd name="T6" fmla="*/ 3814 w 3761"/>
                <a:gd name="T7" fmla="*/ 378 h 2356"/>
                <a:gd name="T8" fmla="*/ 3624 w 3761"/>
                <a:gd name="T9" fmla="*/ 282 h 2356"/>
                <a:gd name="T10" fmla="*/ 3385 w 3761"/>
                <a:gd name="T11" fmla="*/ 192 h 2356"/>
                <a:gd name="T12" fmla="*/ 3101 w 3761"/>
                <a:gd name="T13" fmla="*/ 108 h 2356"/>
                <a:gd name="T14" fmla="*/ 2770 w 3761"/>
                <a:gd name="T15" fmla="*/ 36 h 2356"/>
                <a:gd name="T16" fmla="*/ 2412 w 3761"/>
                <a:gd name="T17" fmla="*/ 0 h 2356"/>
                <a:gd name="T18" fmla="*/ 2791 w 3761"/>
                <a:gd name="T19" fmla="*/ 72 h 2356"/>
                <a:gd name="T20" fmla="*/ 3114 w 3761"/>
                <a:gd name="T21" fmla="*/ 150 h 2356"/>
                <a:gd name="T22" fmla="*/ 3398 w 3761"/>
                <a:gd name="T23" fmla="*/ 234 h 2356"/>
                <a:gd name="T24" fmla="*/ 3624 w 3761"/>
                <a:gd name="T25" fmla="*/ 330 h 2356"/>
                <a:gd name="T26" fmla="*/ 3807 w 3761"/>
                <a:gd name="T27" fmla="*/ 432 h 2356"/>
                <a:gd name="T28" fmla="*/ 3923 w 3761"/>
                <a:gd name="T29" fmla="*/ 545 h 2356"/>
                <a:gd name="T30" fmla="*/ 3988 w 3761"/>
                <a:gd name="T31" fmla="*/ 665 h 2356"/>
                <a:gd name="T32" fmla="*/ 3994 w 3761"/>
                <a:gd name="T33" fmla="*/ 791 h 2356"/>
                <a:gd name="T34" fmla="*/ 3955 w 3761"/>
                <a:gd name="T35" fmla="*/ 887 h 2356"/>
                <a:gd name="T36" fmla="*/ 3891 w 3761"/>
                <a:gd name="T37" fmla="*/ 989 h 2356"/>
                <a:gd name="T38" fmla="*/ 3788 w 3761"/>
                <a:gd name="T39" fmla="*/ 1091 h 2356"/>
                <a:gd name="T40" fmla="*/ 3650 w 3761"/>
                <a:gd name="T41" fmla="*/ 1187 h 2356"/>
                <a:gd name="T42" fmla="*/ 3491 w 3761"/>
                <a:gd name="T43" fmla="*/ 1289 h 2356"/>
                <a:gd name="T44" fmla="*/ 3293 w 3761"/>
                <a:gd name="T45" fmla="*/ 1391 h 2356"/>
                <a:gd name="T46" fmla="*/ 3068 w 3761"/>
                <a:gd name="T47" fmla="*/ 1493 h 2356"/>
                <a:gd name="T48" fmla="*/ 2824 w 3761"/>
                <a:gd name="T49" fmla="*/ 1589 h 2356"/>
                <a:gd name="T50" fmla="*/ 2250 w 3761"/>
                <a:gd name="T51" fmla="*/ 1786 h 2356"/>
                <a:gd name="T52" fmla="*/ 1584 w 3761"/>
                <a:gd name="T53" fmla="*/ 1972 h 2356"/>
                <a:gd name="T54" fmla="*/ 830 w 3761"/>
                <a:gd name="T55" fmla="*/ 2158 h 2356"/>
                <a:gd name="T56" fmla="*/ 0 w 3761"/>
                <a:gd name="T57" fmla="*/ 2326 h 2356"/>
                <a:gd name="T58" fmla="*/ 426 w 3761"/>
                <a:gd name="T59" fmla="*/ 2272 h 2356"/>
                <a:gd name="T60" fmla="*/ 1242 w 3761"/>
                <a:gd name="T61" fmla="*/ 2092 h 2356"/>
                <a:gd name="T62" fmla="*/ 1962 w 3761"/>
                <a:gd name="T63" fmla="*/ 1900 h 2356"/>
                <a:gd name="T64" fmla="*/ 2592 w 3761"/>
                <a:gd name="T65" fmla="*/ 1702 h 2356"/>
                <a:gd name="T66" fmla="*/ 2872 w 3761"/>
                <a:gd name="T67" fmla="*/ 1607 h 2356"/>
                <a:gd name="T68" fmla="*/ 3121 w 3761"/>
                <a:gd name="T69" fmla="*/ 1505 h 2356"/>
                <a:gd name="T70" fmla="*/ 3346 w 3761"/>
                <a:gd name="T71" fmla="*/ 1403 h 2356"/>
                <a:gd name="T72" fmla="*/ 3550 w 3761"/>
                <a:gd name="T73" fmla="*/ 1301 h 2356"/>
                <a:gd name="T74" fmla="*/ 3716 w 3761"/>
                <a:gd name="T75" fmla="*/ 1193 h 2356"/>
                <a:gd name="T76" fmla="*/ 3853 w 3761"/>
                <a:gd name="T77" fmla="*/ 1091 h 2356"/>
                <a:gd name="T78" fmla="*/ 3955 w 3761"/>
                <a:gd name="T79" fmla="*/ 989 h 2356"/>
                <a:gd name="T80" fmla="*/ 4027 w 3761"/>
                <a:gd name="T81" fmla="*/ 887 h 2356"/>
                <a:gd name="T82" fmla="*/ 4066 w 3761"/>
                <a:gd name="T83" fmla="*/ 785 h 235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  <a:gd name="T108" fmla="*/ 0 60000 65536"/>
                <a:gd name="T109" fmla="*/ 0 60000 65536"/>
                <a:gd name="T110" fmla="*/ 0 60000 65536"/>
                <a:gd name="T111" fmla="*/ 0 60000 65536"/>
                <a:gd name="T112" fmla="*/ 0 60000 65536"/>
                <a:gd name="T113" fmla="*/ 0 60000 65536"/>
                <a:gd name="T114" fmla="*/ 0 60000 65536"/>
                <a:gd name="T115" fmla="*/ 0 60000 655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</a:gdLst>
              <a:ahLst/>
              <a:cxnLst>
                <a:cxn ang="T84">
                  <a:pos x="T0" y="T1"/>
                </a:cxn>
                <a:cxn ang="T85">
                  <a:pos x="T2" y="T3"/>
                </a:cxn>
                <a:cxn ang="T86">
                  <a:pos x="T4" y="T5"/>
                </a:cxn>
                <a:cxn ang="T87">
                  <a:pos x="T6" y="T7"/>
                </a:cxn>
                <a:cxn ang="T88">
                  <a:pos x="T8" y="T9"/>
                </a:cxn>
                <a:cxn ang="T89">
                  <a:pos x="T10" y="T11"/>
                </a:cxn>
                <a:cxn ang="T90">
                  <a:pos x="T12" y="T13"/>
                </a:cxn>
                <a:cxn ang="T91">
                  <a:pos x="T14" y="T15"/>
                </a:cxn>
                <a:cxn ang="T92">
                  <a:pos x="T16" y="T17"/>
                </a:cxn>
                <a:cxn ang="T93">
                  <a:pos x="T18" y="T19"/>
                </a:cxn>
                <a:cxn ang="T94">
                  <a:pos x="T20" y="T21"/>
                </a:cxn>
                <a:cxn ang="T95">
                  <a:pos x="T22" y="T23"/>
                </a:cxn>
                <a:cxn ang="T96">
                  <a:pos x="T24" y="T25"/>
                </a:cxn>
                <a:cxn ang="T97">
                  <a:pos x="T26" y="T27"/>
                </a:cxn>
                <a:cxn ang="T98">
                  <a:pos x="T28" y="T29"/>
                </a:cxn>
                <a:cxn ang="T99">
                  <a:pos x="T30" y="T31"/>
                </a:cxn>
                <a:cxn ang="T100">
                  <a:pos x="T32" y="T33"/>
                </a:cxn>
                <a:cxn ang="T101">
                  <a:pos x="T34" y="T35"/>
                </a:cxn>
                <a:cxn ang="T102">
                  <a:pos x="T36" y="T37"/>
                </a:cxn>
                <a:cxn ang="T103">
                  <a:pos x="T38" y="T39"/>
                </a:cxn>
                <a:cxn ang="T104">
                  <a:pos x="T40" y="T41"/>
                </a:cxn>
                <a:cxn ang="T105">
                  <a:pos x="T42" y="T43"/>
                </a:cxn>
                <a:cxn ang="T106">
                  <a:pos x="T44" y="T45"/>
                </a:cxn>
                <a:cxn ang="T107">
                  <a:pos x="T46" y="T47"/>
                </a:cxn>
                <a:cxn ang="T108">
                  <a:pos x="T48" y="T49"/>
                </a:cxn>
                <a:cxn ang="T109">
                  <a:pos x="T50" y="T51"/>
                </a:cxn>
                <a:cxn ang="T110">
                  <a:pos x="T52" y="T53"/>
                </a:cxn>
                <a:cxn ang="T111">
                  <a:pos x="T54" y="T55"/>
                </a:cxn>
                <a:cxn ang="T112">
                  <a:pos x="T56" y="T57"/>
                </a:cxn>
                <a:cxn ang="T113">
                  <a:pos x="T58" y="T59"/>
                </a:cxn>
                <a:cxn ang="T114">
                  <a:pos x="T60" y="T61"/>
                </a:cxn>
                <a:cxn ang="T115">
                  <a:pos x="T62" y="T63"/>
                </a:cxn>
                <a:cxn ang="T116">
                  <a:pos x="T64" y="T65"/>
                </a:cxn>
                <a:cxn ang="T117">
                  <a:pos x="T66" y="T67"/>
                </a:cxn>
                <a:cxn ang="T118">
                  <a:pos x="T68" y="T69"/>
                </a:cxn>
                <a:cxn ang="T119">
                  <a:pos x="T70" y="T71"/>
                </a:cxn>
                <a:cxn ang="T120">
                  <a:pos x="T72" y="T73"/>
                </a:cxn>
                <a:cxn ang="T121">
                  <a:pos x="T74" y="T75"/>
                </a:cxn>
                <a:cxn ang="T122">
                  <a:pos x="T76" y="T77"/>
                </a:cxn>
                <a:cxn ang="T123">
                  <a:pos x="T78" y="T79"/>
                </a:cxn>
                <a:cxn ang="T124">
                  <a:pos x="T80" y="T81"/>
                </a:cxn>
                <a:cxn ang="T125">
                  <a:pos x="T82" y="T83"/>
                </a:cxn>
              </a:cxnLst>
              <a:rect l="0" t="0" r="r" b="b"/>
              <a:pathLst>
                <a:path w="3761" h="2356">
                  <a:moveTo>
                    <a:pt x="3755" y="785"/>
                  </a:moveTo>
                  <a:lnTo>
                    <a:pt x="3761" y="719"/>
                  </a:lnTo>
                  <a:lnTo>
                    <a:pt x="3755" y="659"/>
                  </a:lnTo>
                  <a:lnTo>
                    <a:pt x="3731" y="599"/>
                  </a:lnTo>
                  <a:lnTo>
                    <a:pt x="3701" y="545"/>
                  </a:lnTo>
                  <a:lnTo>
                    <a:pt x="3653" y="486"/>
                  </a:lnTo>
                  <a:lnTo>
                    <a:pt x="3593" y="432"/>
                  </a:lnTo>
                  <a:lnTo>
                    <a:pt x="3522" y="378"/>
                  </a:lnTo>
                  <a:lnTo>
                    <a:pt x="3444" y="330"/>
                  </a:lnTo>
                  <a:lnTo>
                    <a:pt x="3348" y="282"/>
                  </a:lnTo>
                  <a:lnTo>
                    <a:pt x="3241" y="234"/>
                  </a:lnTo>
                  <a:lnTo>
                    <a:pt x="3127" y="192"/>
                  </a:lnTo>
                  <a:lnTo>
                    <a:pt x="3002" y="150"/>
                  </a:lnTo>
                  <a:lnTo>
                    <a:pt x="2864" y="108"/>
                  </a:lnTo>
                  <a:lnTo>
                    <a:pt x="2715" y="72"/>
                  </a:lnTo>
                  <a:lnTo>
                    <a:pt x="2559" y="36"/>
                  </a:lnTo>
                  <a:lnTo>
                    <a:pt x="2392" y="0"/>
                  </a:lnTo>
                  <a:lnTo>
                    <a:pt x="2230" y="0"/>
                  </a:lnTo>
                  <a:lnTo>
                    <a:pt x="2410" y="36"/>
                  </a:lnTo>
                  <a:lnTo>
                    <a:pt x="2577" y="72"/>
                  </a:lnTo>
                  <a:lnTo>
                    <a:pt x="2732" y="108"/>
                  </a:lnTo>
                  <a:lnTo>
                    <a:pt x="2876" y="150"/>
                  </a:lnTo>
                  <a:lnTo>
                    <a:pt x="3014" y="192"/>
                  </a:lnTo>
                  <a:lnTo>
                    <a:pt x="3139" y="234"/>
                  </a:lnTo>
                  <a:lnTo>
                    <a:pt x="3253" y="282"/>
                  </a:lnTo>
                  <a:lnTo>
                    <a:pt x="3348" y="330"/>
                  </a:lnTo>
                  <a:lnTo>
                    <a:pt x="3438" y="384"/>
                  </a:lnTo>
                  <a:lnTo>
                    <a:pt x="3516" y="432"/>
                  </a:lnTo>
                  <a:lnTo>
                    <a:pt x="3576" y="492"/>
                  </a:lnTo>
                  <a:lnTo>
                    <a:pt x="3623" y="545"/>
                  </a:lnTo>
                  <a:lnTo>
                    <a:pt x="3665" y="605"/>
                  </a:lnTo>
                  <a:lnTo>
                    <a:pt x="3683" y="665"/>
                  </a:lnTo>
                  <a:lnTo>
                    <a:pt x="3695" y="725"/>
                  </a:lnTo>
                  <a:lnTo>
                    <a:pt x="3689" y="791"/>
                  </a:lnTo>
                  <a:lnTo>
                    <a:pt x="3677" y="839"/>
                  </a:lnTo>
                  <a:lnTo>
                    <a:pt x="3653" y="887"/>
                  </a:lnTo>
                  <a:lnTo>
                    <a:pt x="3629" y="941"/>
                  </a:lnTo>
                  <a:lnTo>
                    <a:pt x="3593" y="989"/>
                  </a:lnTo>
                  <a:lnTo>
                    <a:pt x="3546" y="1037"/>
                  </a:lnTo>
                  <a:lnTo>
                    <a:pt x="3498" y="1091"/>
                  </a:lnTo>
                  <a:lnTo>
                    <a:pt x="3438" y="1139"/>
                  </a:lnTo>
                  <a:lnTo>
                    <a:pt x="3372" y="1187"/>
                  </a:lnTo>
                  <a:lnTo>
                    <a:pt x="3301" y="1241"/>
                  </a:lnTo>
                  <a:lnTo>
                    <a:pt x="3223" y="1289"/>
                  </a:lnTo>
                  <a:lnTo>
                    <a:pt x="3133" y="1343"/>
                  </a:lnTo>
                  <a:lnTo>
                    <a:pt x="3043" y="1391"/>
                  </a:lnTo>
                  <a:lnTo>
                    <a:pt x="2942" y="1439"/>
                  </a:lnTo>
                  <a:lnTo>
                    <a:pt x="2834" y="1493"/>
                  </a:lnTo>
                  <a:lnTo>
                    <a:pt x="2727" y="1541"/>
                  </a:lnTo>
                  <a:lnTo>
                    <a:pt x="2607" y="1589"/>
                  </a:lnTo>
                  <a:lnTo>
                    <a:pt x="2356" y="1690"/>
                  </a:lnTo>
                  <a:lnTo>
                    <a:pt x="2075" y="1786"/>
                  </a:lnTo>
                  <a:lnTo>
                    <a:pt x="1782" y="1882"/>
                  </a:lnTo>
                  <a:lnTo>
                    <a:pt x="1459" y="1972"/>
                  </a:lnTo>
                  <a:lnTo>
                    <a:pt x="1124" y="2068"/>
                  </a:lnTo>
                  <a:lnTo>
                    <a:pt x="765" y="2158"/>
                  </a:lnTo>
                  <a:lnTo>
                    <a:pt x="389" y="2242"/>
                  </a:lnTo>
                  <a:lnTo>
                    <a:pt x="0" y="2326"/>
                  </a:lnTo>
                  <a:lnTo>
                    <a:pt x="0" y="2356"/>
                  </a:lnTo>
                  <a:lnTo>
                    <a:pt x="401" y="2272"/>
                  </a:lnTo>
                  <a:lnTo>
                    <a:pt x="777" y="2182"/>
                  </a:lnTo>
                  <a:lnTo>
                    <a:pt x="1142" y="2092"/>
                  </a:lnTo>
                  <a:lnTo>
                    <a:pt x="1483" y="1996"/>
                  </a:lnTo>
                  <a:lnTo>
                    <a:pt x="1812" y="1900"/>
                  </a:lnTo>
                  <a:lnTo>
                    <a:pt x="2111" y="1804"/>
                  </a:lnTo>
                  <a:lnTo>
                    <a:pt x="2392" y="1702"/>
                  </a:lnTo>
                  <a:lnTo>
                    <a:pt x="2523" y="1654"/>
                  </a:lnTo>
                  <a:lnTo>
                    <a:pt x="2649" y="1607"/>
                  </a:lnTo>
                  <a:lnTo>
                    <a:pt x="2768" y="1553"/>
                  </a:lnTo>
                  <a:lnTo>
                    <a:pt x="2882" y="1505"/>
                  </a:lnTo>
                  <a:lnTo>
                    <a:pt x="2990" y="1451"/>
                  </a:lnTo>
                  <a:lnTo>
                    <a:pt x="3091" y="1403"/>
                  </a:lnTo>
                  <a:lnTo>
                    <a:pt x="3187" y="1349"/>
                  </a:lnTo>
                  <a:lnTo>
                    <a:pt x="3277" y="1301"/>
                  </a:lnTo>
                  <a:lnTo>
                    <a:pt x="3354" y="1247"/>
                  </a:lnTo>
                  <a:lnTo>
                    <a:pt x="3432" y="1193"/>
                  </a:lnTo>
                  <a:lnTo>
                    <a:pt x="3498" y="1145"/>
                  </a:lnTo>
                  <a:lnTo>
                    <a:pt x="3558" y="1091"/>
                  </a:lnTo>
                  <a:lnTo>
                    <a:pt x="3611" y="1043"/>
                  </a:lnTo>
                  <a:lnTo>
                    <a:pt x="3653" y="989"/>
                  </a:lnTo>
                  <a:lnTo>
                    <a:pt x="3689" y="941"/>
                  </a:lnTo>
                  <a:lnTo>
                    <a:pt x="3719" y="887"/>
                  </a:lnTo>
                  <a:lnTo>
                    <a:pt x="3743" y="833"/>
                  </a:lnTo>
                  <a:lnTo>
                    <a:pt x="3755" y="785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040" name="Freeform 11">
              <a:extLst>
                <a:ext uri="{FF2B5EF4-FFF2-40B4-BE49-F238E27FC236}">
                  <a16:creationId xmlns:a16="http://schemas.microsoft.com/office/drawing/2014/main" id="{9A5FE949-64DC-3F31-27E7-C554EA9C0BD4}"/>
                </a:ext>
              </a:extLst>
            </p:cNvPr>
            <p:cNvSpPr>
              <a:spLocks/>
            </p:cNvSpPr>
            <p:nvPr/>
          </p:nvSpPr>
          <p:spPr bwMode="hidden">
            <a:xfrm>
              <a:off x="0" y="0"/>
              <a:ext cx="2933" cy="1846"/>
            </a:xfrm>
            <a:custGeom>
              <a:avLst/>
              <a:gdLst>
                <a:gd name="T0" fmla="*/ 3155 w 2924"/>
                <a:gd name="T1" fmla="*/ 647 h 1846"/>
                <a:gd name="T2" fmla="*/ 3102 w 2924"/>
                <a:gd name="T3" fmla="*/ 528 h 1846"/>
                <a:gd name="T4" fmla="*/ 2973 w 2924"/>
                <a:gd name="T5" fmla="*/ 414 h 1846"/>
                <a:gd name="T6" fmla="*/ 2759 w 2924"/>
                <a:gd name="T7" fmla="*/ 318 h 1846"/>
                <a:gd name="T8" fmla="*/ 2482 w 2924"/>
                <a:gd name="T9" fmla="*/ 228 h 1846"/>
                <a:gd name="T10" fmla="*/ 2138 w 2924"/>
                <a:gd name="T11" fmla="*/ 150 h 1846"/>
                <a:gd name="T12" fmla="*/ 1733 w 2924"/>
                <a:gd name="T13" fmla="*/ 78 h 1846"/>
                <a:gd name="T14" fmla="*/ 1278 w 2924"/>
                <a:gd name="T15" fmla="*/ 24 h 1846"/>
                <a:gd name="T16" fmla="*/ 744 w 2924"/>
                <a:gd name="T17" fmla="*/ 0 h 1846"/>
                <a:gd name="T18" fmla="*/ 1290 w 2924"/>
                <a:gd name="T19" fmla="*/ 48 h 1846"/>
                <a:gd name="T20" fmla="*/ 1751 w 2924"/>
                <a:gd name="T21" fmla="*/ 108 h 1846"/>
                <a:gd name="T22" fmla="*/ 2166 w 2924"/>
                <a:gd name="T23" fmla="*/ 180 h 1846"/>
                <a:gd name="T24" fmla="*/ 2510 w 2924"/>
                <a:gd name="T25" fmla="*/ 264 h 1846"/>
                <a:gd name="T26" fmla="*/ 2772 w 2924"/>
                <a:gd name="T27" fmla="*/ 360 h 1846"/>
                <a:gd name="T28" fmla="*/ 2973 w 2924"/>
                <a:gd name="T29" fmla="*/ 468 h 1846"/>
                <a:gd name="T30" fmla="*/ 3071 w 2924"/>
                <a:gd name="T31" fmla="*/ 587 h 1846"/>
                <a:gd name="T32" fmla="*/ 3089 w 2924"/>
                <a:gd name="T33" fmla="*/ 713 h 1846"/>
                <a:gd name="T34" fmla="*/ 3065 w 2924"/>
                <a:gd name="T35" fmla="*/ 785 h 1846"/>
                <a:gd name="T36" fmla="*/ 3017 w 2924"/>
                <a:gd name="T37" fmla="*/ 857 h 1846"/>
                <a:gd name="T38" fmla="*/ 2832 w 2924"/>
                <a:gd name="T39" fmla="*/ 1001 h 1846"/>
                <a:gd name="T40" fmla="*/ 2558 w 2924"/>
                <a:gd name="T41" fmla="*/ 1145 h 1846"/>
                <a:gd name="T42" fmla="*/ 2194 w 2924"/>
                <a:gd name="T43" fmla="*/ 1289 h 1846"/>
                <a:gd name="T44" fmla="*/ 1751 w 2924"/>
                <a:gd name="T45" fmla="*/ 1433 h 1846"/>
                <a:gd name="T46" fmla="*/ 1242 w 2924"/>
                <a:gd name="T47" fmla="*/ 1571 h 1846"/>
                <a:gd name="T48" fmla="*/ 654 w 2924"/>
                <a:gd name="T49" fmla="*/ 1702 h 1846"/>
                <a:gd name="T50" fmla="*/ 0 w 2924"/>
                <a:gd name="T51" fmla="*/ 1828 h 1846"/>
                <a:gd name="T52" fmla="*/ 336 w 2924"/>
                <a:gd name="T53" fmla="*/ 1780 h 1846"/>
                <a:gd name="T54" fmla="*/ 972 w 2924"/>
                <a:gd name="T55" fmla="*/ 1648 h 1846"/>
                <a:gd name="T56" fmla="*/ 1530 w 2924"/>
                <a:gd name="T57" fmla="*/ 1511 h 1846"/>
                <a:gd name="T58" fmla="*/ 2021 w 2924"/>
                <a:gd name="T59" fmla="*/ 1367 h 1846"/>
                <a:gd name="T60" fmla="*/ 2429 w 2924"/>
                <a:gd name="T61" fmla="*/ 1223 h 1846"/>
                <a:gd name="T62" fmla="*/ 2759 w 2924"/>
                <a:gd name="T63" fmla="*/ 1079 h 1846"/>
                <a:gd name="T64" fmla="*/ 2999 w 2924"/>
                <a:gd name="T65" fmla="*/ 929 h 1846"/>
                <a:gd name="T66" fmla="*/ 3102 w 2924"/>
                <a:gd name="T67" fmla="*/ 815 h 1846"/>
                <a:gd name="T68" fmla="*/ 3142 w 2924"/>
                <a:gd name="T69" fmla="*/ 743 h 1846"/>
                <a:gd name="T70" fmla="*/ 3155 w 2924"/>
                <a:gd name="T71" fmla="*/ 707 h 1846"/>
                <a:gd name="T72" fmla="*/ 0 60000 65536"/>
                <a:gd name="T73" fmla="*/ 0 60000 65536"/>
                <a:gd name="T74" fmla="*/ 0 60000 65536"/>
                <a:gd name="T75" fmla="*/ 0 60000 65536"/>
                <a:gd name="T76" fmla="*/ 0 60000 65536"/>
                <a:gd name="T77" fmla="*/ 0 60000 65536"/>
                <a:gd name="T78" fmla="*/ 0 60000 65536"/>
                <a:gd name="T79" fmla="*/ 0 60000 65536"/>
                <a:gd name="T80" fmla="*/ 0 60000 65536"/>
                <a:gd name="T81" fmla="*/ 0 60000 65536"/>
                <a:gd name="T82" fmla="*/ 0 60000 65536"/>
                <a:gd name="T83" fmla="*/ 0 60000 65536"/>
                <a:gd name="T84" fmla="*/ 0 60000 65536"/>
                <a:gd name="T85" fmla="*/ 0 60000 65536"/>
                <a:gd name="T86" fmla="*/ 0 60000 65536"/>
                <a:gd name="T87" fmla="*/ 0 60000 65536"/>
                <a:gd name="T88" fmla="*/ 0 60000 65536"/>
                <a:gd name="T89" fmla="*/ 0 60000 65536"/>
                <a:gd name="T90" fmla="*/ 0 60000 65536"/>
                <a:gd name="T91" fmla="*/ 0 60000 65536"/>
                <a:gd name="T92" fmla="*/ 0 60000 65536"/>
                <a:gd name="T93" fmla="*/ 0 60000 65536"/>
                <a:gd name="T94" fmla="*/ 0 60000 65536"/>
                <a:gd name="T95" fmla="*/ 0 60000 65536"/>
                <a:gd name="T96" fmla="*/ 0 60000 65536"/>
                <a:gd name="T97" fmla="*/ 0 60000 65536"/>
                <a:gd name="T98" fmla="*/ 0 60000 65536"/>
                <a:gd name="T99" fmla="*/ 0 60000 65536"/>
                <a:gd name="T100" fmla="*/ 0 60000 65536"/>
                <a:gd name="T101" fmla="*/ 0 60000 65536"/>
                <a:gd name="T102" fmla="*/ 0 60000 65536"/>
                <a:gd name="T103" fmla="*/ 0 60000 65536"/>
                <a:gd name="T104" fmla="*/ 0 60000 65536"/>
                <a:gd name="T105" fmla="*/ 0 60000 65536"/>
                <a:gd name="T106" fmla="*/ 0 60000 65536"/>
                <a:gd name="T107" fmla="*/ 0 60000 65536"/>
              </a:gdLst>
              <a:ahLst/>
              <a:cxnLst>
                <a:cxn ang="T72">
                  <a:pos x="T0" y="T1"/>
                </a:cxn>
                <a:cxn ang="T73">
                  <a:pos x="T2" y="T3"/>
                </a:cxn>
                <a:cxn ang="T74">
                  <a:pos x="T4" y="T5"/>
                </a:cxn>
                <a:cxn ang="T75">
                  <a:pos x="T6" y="T7"/>
                </a:cxn>
                <a:cxn ang="T76">
                  <a:pos x="T8" y="T9"/>
                </a:cxn>
                <a:cxn ang="T77">
                  <a:pos x="T10" y="T11"/>
                </a:cxn>
                <a:cxn ang="T78">
                  <a:pos x="T12" y="T13"/>
                </a:cxn>
                <a:cxn ang="T79">
                  <a:pos x="T14" y="T15"/>
                </a:cxn>
                <a:cxn ang="T80">
                  <a:pos x="T16" y="T17"/>
                </a:cxn>
                <a:cxn ang="T81">
                  <a:pos x="T18" y="T19"/>
                </a:cxn>
                <a:cxn ang="T82">
                  <a:pos x="T20" y="T21"/>
                </a:cxn>
                <a:cxn ang="T83">
                  <a:pos x="T22" y="T23"/>
                </a:cxn>
                <a:cxn ang="T84">
                  <a:pos x="T24" y="T25"/>
                </a:cxn>
                <a:cxn ang="T85">
                  <a:pos x="T26" y="T27"/>
                </a:cxn>
                <a:cxn ang="T86">
                  <a:pos x="T28" y="T29"/>
                </a:cxn>
                <a:cxn ang="T87">
                  <a:pos x="T30" y="T31"/>
                </a:cxn>
                <a:cxn ang="T88">
                  <a:pos x="T32" y="T33"/>
                </a:cxn>
                <a:cxn ang="T89">
                  <a:pos x="T34" y="T35"/>
                </a:cxn>
                <a:cxn ang="T90">
                  <a:pos x="T36" y="T37"/>
                </a:cxn>
                <a:cxn ang="T91">
                  <a:pos x="T38" y="T39"/>
                </a:cxn>
                <a:cxn ang="T92">
                  <a:pos x="T40" y="T41"/>
                </a:cxn>
                <a:cxn ang="T93">
                  <a:pos x="T42" y="T43"/>
                </a:cxn>
                <a:cxn ang="T94">
                  <a:pos x="T44" y="T45"/>
                </a:cxn>
                <a:cxn ang="T95">
                  <a:pos x="T46" y="T47"/>
                </a:cxn>
                <a:cxn ang="T96">
                  <a:pos x="T48" y="T49"/>
                </a:cxn>
                <a:cxn ang="T97">
                  <a:pos x="T50" y="T51"/>
                </a:cxn>
                <a:cxn ang="T98">
                  <a:pos x="T52" y="T53"/>
                </a:cxn>
                <a:cxn ang="T99">
                  <a:pos x="T54" y="T55"/>
                </a:cxn>
                <a:cxn ang="T100">
                  <a:pos x="T56" y="T57"/>
                </a:cxn>
                <a:cxn ang="T101">
                  <a:pos x="T58" y="T59"/>
                </a:cxn>
                <a:cxn ang="T102">
                  <a:pos x="T60" y="T61"/>
                </a:cxn>
                <a:cxn ang="T103">
                  <a:pos x="T62" y="T63"/>
                </a:cxn>
                <a:cxn ang="T104">
                  <a:pos x="T64" y="T65"/>
                </a:cxn>
                <a:cxn ang="T105">
                  <a:pos x="T66" y="T67"/>
                </a:cxn>
                <a:cxn ang="T106">
                  <a:pos x="T68" y="T69"/>
                </a:cxn>
                <a:cxn ang="T107">
                  <a:pos x="T70" y="T71"/>
                </a:cxn>
              </a:cxnLst>
              <a:rect l="0" t="0" r="r" b="b"/>
              <a:pathLst>
                <a:path w="2924" h="1846">
                  <a:moveTo>
                    <a:pt x="2924" y="707"/>
                  </a:moveTo>
                  <a:lnTo>
                    <a:pt x="2924" y="647"/>
                  </a:lnTo>
                  <a:lnTo>
                    <a:pt x="2912" y="581"/>
                  </a:lnTo>
                  <a:lnTo>
                    <a:pt x="2876" y="528"/>
                  </a:lnTo>
                  <a:lnTo>
                    <a:pt x="2822" y="468"/>
                  </a:lnTo>
                  <a:lnTo>
                    <a:pt x="2750" y="414"/>
                  </a:lnTo>
                  <a:lnTo>
                    <a:pt x="2667" y="366"/>
                  </a:lnTo>
                  <a:lnTo>
                    <a:pt x="2559" y="318"/>
                  </a:lnTo>
                  <a:lnTo>
                    <a:pt x="2440" y="270"/>
                  </a:lnTo>
                  <a:lnTo>
                    <a:pt x="2302" y="228"/>
                  </a:lnTo>
                  <a:lnTo>
                    <a:pt x="2153" y="186"/>
                  </a:lnTo>
                  <a:lnTo>
                    <a:pt x="1985" y="150"/>
                  </a:lnTo>
                  <a:lnTo>
                    <a:pt x="1806" y="114"/>
                  </a:lnTo>
                  <a:lnTo>
                    <a:pt x="1608" y="78"/>
                  </a:lnTo>
                  <a:lnTo>
                    <a:pt x="1399" y="54"/>
                  </a:lnTo>
                  <a:lnTo>
                    <a:pt x="1178" y="24"/>
                  </a:lnTo>
                  <a:lnTo>
                    <a:pt x="945" y="0"/>
                  </a:lnTo>
                  <a:lnTo>
                    <a:pt x="694" y="0"/>
                  </a:lnTo>
                  <a:lnTo>
                    <a:pt x="945" y="24"/>
                  </a:lnTo>
                  <a:lnTo>
                    <a:pt x="1190" y="48"/>
                  </a:lnTo>
                  <a:lnTo>
                    <a:pt x="1417" y="78"/>
                  </a:lnTo>
                  <a:lnTo>
                    <a:pt x="1626" y="108"/>
                  </a:lnTo>
                  <a:lnTo>
                    <a:pt x="1824" y="144"/>
                  </a:lnTo>
                  <a:lnTo>
                    <a:pt x="2009" y="180"/>
                  </a:lnTo>
                  <a:lnTo>
                    <a:pt x="2176" y="222"/>
                  </a:lnTo>
                  <a:lnTo>
                    <a:pt x="2326" y="264"/>
                  </a:lnTo>
                  <a:lnTo>
                    <a:pt x="2457" y="312"/>
                  </a:lnTo>
                  <a:lnTo>
                    <a:pt x="2571" y="360"/>
                  </a:lnTo>
                  <a:lnTo>
                    <a:pt x="2667" y="414"/>
                  </a:lnTo>
                  <a:lnTo>
                    <a:pt x="2750" y="468"/>
                  </a:lnTo>
                  <a:lnTo>
                    <a:pt x="2804" y="528"/>
                  </a:lnTo>
                  <a:lnTo>
                    <a:pt x="2846" y="587"/>
                  </a:lnTo>
                  <a:lnTo>
                    <a:pt x="2864" y="647"/>
                  </a:lnTo>
                  <a:lnTo>
                    <a:pt x="2864" y="713"/>
                  </a:lnTo>
                  <a:lnTo>
                    <a:pt x="2852" y="749"/>
                  </a:lnTo>
                  <a:lnTo>
                    <a:pt x="2840" y="785"/>
                  </a:lnTo>
                  <a:lnTo>
                    <a:pt x="2816" y="821"/>
                  </a:lnTo>
                  <a:lnTo>
                    <a:pt x="2792" y="857"/>
                  </a:lnTo>
                  <a:lnTo>
                    <a:pt x="2721" y="929"/>
                  </a:lnTo>
                  <a:lnTo>
                    <a:pt x="2625" y="1001"/>
                  </a:lnTo>
                  <a:lnTo>
                    <a:pt x="2505" y="1073"/>
                  </a:lnTo>
                  <a:lnTo>
                    <a:pt x="2368" y="1145"/>
                  </a:lnTo>
                  <a:lnTo>
                    <a:pt x="2212" y="1217"/>
                  </a:lnTo>
                  <a:lnTo>
                    <a:pt x="2033" y="1289"/>
                  </a:lnTo>
                  <a:lnTo>
                    <a:pt x="1842" y="1361"/>
                  </a:lnTo>
                  <a:lnTo>
                    <a:pt x="1626" y="1433"/>
                  </a:lnTo>
                  <a:lnTo>
                    <a:pt x="1393" y="1499"/>
                  </a:lnTo>
                  <a:lnTo>
                    <a:pt x="1142" y="1571"/>
                  </a:lnTo>
                  <a:lnTo>
                    <a:pt x="879" y="1636"/>
                  </a:lnTo>
                  <a:lnTo>
                    <a:pt x="604" y="1702"/>
                  </a:lnTo>
                  <a:lnTo>
                    <a:pt x="305" y="1768"/>
                  </a:lnTo>
                  <a:lnTo>
                    <a:pt x="0" y="1828"/>
                  </a:lnTo>
                  <a:lnTo>
                    <a:pt x="0" y="1846"/>
                  </a:lnTo>
                  <a:lnTo>
                    <a:pt x="311" y="1780"/>
                  </a:lnTo>
                  <a:lnTo>
                    <a:pt x="610" y="1714"/>
                  </a:lnTo>
                  <a:lnTo>
                    <a:pt x="897" y="1648"/>
                  </a:lnTo>
                  <a:lnTo>
                    <a:pt x="1166" y="1583"/>
                  </a:lnTo>
                  <a:lnTo>
                    <a:pt x="1417" y="1511"/>
                  </a:lnTo>
                  <a:lnTo>
                    <a:pt x="1656" y="1439"/>
                  </a:lnTo>
                  <a:lnTo>
                    <a:pt x="1871" y="1367"/>
                  </a:lnTo>
                  <a:lnTo>
                    <a:pt x="2075" y="1295"/>
                  </a:lnTo>
                  <a:lnTo>
                    <a:pt x="2254" y="1223"/>
                  </a:lnTo>
                  <a:lnTo>
                    <a:pt x="2416" y="1151"/>
                  </a:lnTo>
                  <a:lnTo>
                    <a:pt x="2559" y="1079"/>
                  </a:lnTo>
                  <a:lnTo>
                    <a:pt x="2679" y="1001"/>
                  </a:lnTo>
                  <a:lnTo>
                    <a:pt x="2774" y="929"/>
                  </a:lnTo>
                  <a:lnTo>
                    <a:pt x="2846" y="857"/>
                  </a:lnTo>
                  <a:lnTo>
                    <a:pt x="2876" y="815"/>
                  </a:lnTo>
                  <a:lnTo>
                    <a:pt x="2900" y="779"/>
                  </a:lnTo>
                  <a:lnTo>
                    <a:pt x="2912" y="743"/>
                  </a:lnTo>
                  <a:lnTo>
                    <a:pt x="2924" y="707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18900000" scaled="1"/>
            </a:gra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041" name="Freeform 12">
              <a:extLst>
                <a:ext uri="{FF2B5EF4-FFF2-40B4-BE49-F238E27FC236}">
                  <a16:creationId xmlns:a16="http://schemas.microsoft.com/office/drawing/2014/main" id="{E72EF210-076D-CA65-3446-A3857FBCB8E9}"/>
                </a:ext>
              </a:extLst>
            </p:cNvPr>
            <p:cNvSpPr>
              <a:spLocks/>
            </p:cNvSpPr>
            <p:nvPr/>
          </p:nvSpPr>
          <p:spPr bwMode="hidden">
            <a:xfrm>
              <a:off x="114" y="2847"/>
              <a:ext cx="1493" cy="204"/>
            </a:xfrm>
            <a:custGeom>
              <a:avLst/>
              <a:gdLst>
                <a:gd name="T0" fmla="*/ 1524 w 1488"/>
                <a:gd name="T1" fmla="*/ 204 h 204"/>
                <a:gd name="T2" fmla="*/ 0 w 1488"/>
                <a:gd name="T3" fmla="*/ 18 h 204"/>
                <a:gd name="T4" fmla="*/ 77 w 1488"/>
                <a:gd name="T5" fmla="*/ 0 h 204"/>
                <a:gd name="T6" fmla="*/ 1613 w 1488"/>
                <a:gd name="T7" fmla="*/ 186 h 204"/>
                <a:gd name="T8" fmla="*/ 1524 w 1488"/>
                <a:gd name="T9" fmla="*/ 204 h 204"/>
                <a:gd name="T10" fmla="*/ 1524 w 1488"/>
                <a:gd name="T11" fmla="*/ 204 h 204"/>
                <a:gd name="T12" fmla="*/ 0 60000 65536"/>
                <a:gd name="T13" fmla="*/ 0 60000 65536"/>
                <a:gd name="T14" fmla="*/ 0 60000 65536"/>
                <a:gd name="T15" fmla="*/ 0 60000 65536"/>
                <a:gd name="T16" fmla="*/ 0 60000 65536"/>
                <a:gd name="T17" fmla="*/ 0 60000 65536"/>
              </a:gdLst>
              <a:ahLst/>
              <a:cxnLst>
                <a:cxn ang="T12">
                  <a:pos x="T0" y="T1"/>
                </a:cxn>
                <a:cxn ang="T13">
                  <a:pos x="T2" y="T3"/>
                </a:cxn>
                <a:cxn ang="T14">
                  <a:pos x="T4" y="T5"/>
                </a:cxn>
                <a:cxn ang="T15">
                  <a:pos x="T6" y="T7"/>
                </a:cxn>
                <a:cxn ang="T16">
                  <a:pos x="T8" y="T9"/>
                </a:cxn>
                <a:cxn ang="T17">
                  <a:pos x="T10" y="T11"/>
                </a:cxn>
              </a:cxnLst>
              <a:rect l="0" t="0" r="r" b="b"/>
              <a:pathLst>
                <a:path w="1488" h="204">
                  <a:moveTo>
                    <a:pt x="1399" y="204"/>
                  </a:moveTo>
                  <a:lnTo>
                    <a:pt x="0" y="18"/>
                  </a:lnTo>
                  <a:lnTo>
                    <a:pt x="77" y="0"/>
                  </a:lnTo>
                  <a:lnTo>
                    <a:pt x="1488" y="186"/>
                  </a:lnTo>
                  <a:lnTo>
                    <a:pt x="1399" y="204"/>
                  </a:lnTo>
                  <a:close/>
                </a:path>
              </a:pathLst>
            </a:custGeom>
            <a:solidFill>
              <a:schemeClr val="bg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1042" name="Rectangle 13">
              <a:extLst>
                <a:ext uri="{FF2B5EF4-FFF2-40B4-BE49-F238E27FC236}">
                  <a16:creationId xmlns:a16="http://schemas.microsoft.com/office/drawing/2014/main" id="{D32C33CD-4EA1-598C-9A9D-8A80F2AB93E6}"/>
                </a:ext>
              </a:extLst>
            </p:cNvPr>
            <p:cNvSpPr>
              <a:spLocks noChangeArrowheads="1"/>
            </p:cNvSpPr>
            <p:nvPr/>
          </p:nvSpPr>
          <p:spPr bwMode="hidden">
            <a:xfrm>
              <a:off x="473" y="3105"/>
              <a:ext cx="1" cy="1"/>
            </a:xfrm>
            <a:prstGeom prst="rect">
              <a:avLst/>
            </a:prstGeom>
            <a:solidFill>
              <a:srgbClr val="141485"/>
            </a:solidFill>
            <a:ln>
              <a:noFill/>
            </a:ln>
          </p:spPr>
          <p:txBody>
            <a:bodyPr/>
            <a:lstStyle>
              <a:lvl1pPr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1pPr>
              <a:lvl2pPr marL="742950" indent="-28575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2pPr>
              <a:lvl3pPr marL="11430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3pPr>
              <a:lvl4pPr marL="16002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4pPr>
              <a:lvl5pPr marL="20574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9pPr>
            </a:lstStyle>
            <a:p>
              <a:pPr>
                <a:defRPr/>
              </a:pPr>
              <a:endParaRPr lang="en-US" altLang="en-US" sz="1800"/>
            </a:p>
          </p:txBody>
        </p:sp>
        <p:sp>
          <p:nvSpPr>
            <p:cNvPr id="1043" name="Rectangle 14">
              <a:extLst>
                <a:ext uri="{FF2B5EF4-FFF2-40B4-BE49-F238E27FC236}">
                  <a16:creationId xmlns:a16="http://schemas.microsoft.com/office/drawing/2014/main" id="{B51050C4-6F9B-6868-3502-6098684135E0}"/>
                </a:ext>
              </a:extLst>
            </p:cNvPr>
            <p:cNvSpPr>
              <a:spLocks noChangeArrowheads="1"/>
            </p:cNvSpPr>
            <p:nvPr/>
          </p:nvSpPr>
          <p:spPr bwMode="hidden">
            <a:xfrm>
              <a:off x="473" y="3105"/>
              <a:ext cx="1" cy="1"/>
            </a:xfrm>
            <a:prstGeom prst="rect">
              <a:avLst/>
            </a:prstGeom>
            <a:solidFill>
              <a:srgbClr val="141485"/>
            </a:solidFill>
            <a:ln>
              <a:noFill/>
            </a:ln>
          </p:spPr>
          <p:txBody>
            <a:bodyPr/>
            <a:lstStyle>
              <a:lvl1pPr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1pPr>
              <a:lvl2pPr marL="742950" indent="-28575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2pPr>
              <a:lvl3pPr marL="11430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3pPr>
              <a:lvl4pPr marL="16002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4pPr>
              <a:lvl5pPr marL="2057400" indent="-228600"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Verdana" pitchFamily="34" charset="0"/>
                  <a:ea typeface="ＭＳ Ｐゴシック" pitchFamily="34" charset="-128"/>
                </a:defRPr>
              </a:lvl9pPr>
            </a:lstStyle>
            <a:p>
              <a:pPr>
                <a:defRPr/>
              </a:pPr>
              <a:endParaRPr lang="en-US" altLang="en-US" sz="1800"/>
            </a:p>
          </p:txBody>
        </p:sp>
        <p:grpSp>
          <p:nvGrpSpPr>
            <p:cNvPr id="1044" name="Group 15">
              <a:extLst>
                <a:ext uri="{FF2B5EF4-FFF2-40B4-BE49-F238E27FC236}">
                  <a16:creationId xmlns:a16="http://schemas.microsoft.com/office/drawing/2014/main" id="{953A7DF8-EE39-037D-526B-06F3F4D6FC8C}"/>
                </a:ext>
              </a:extLst>
            </p:cNvPr>
            <p:cNvGrpSpPr>
              <a:grpSpLocks/>
            </p:cNvGrpSpPr>
            <p:nvPr/>
          </p:nvGrpSpPr>
          <p:grpSpPr bwMode="auto">
            <a:xfrm>
              <a:off x="192" y="2284"/>
              <a:ext cx="1254" cy="923"/>
              <a:chOff x="192" y="2284"/>
              <a:chExt cx="1254" cy="923"/>
            </a:xfrm>
          </p:grpSpPr>
          <p:sp>
            <p:nvSpPr>
              <p:cNvPr id="1045" name="Freeform 16">
                <a:extLst>
                  <a:ext uri="{FF2B5EF4-FFF2-40B4-BE49-F238E27FC236}">
                    <a16:creationId xmlns:a16="http://schemas.microsoft.com/office/drawing/2014/main" id="{0D128A56-F013-E923-433B-FBC83031AD14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408" y="3009"/>
                <a:ext cx="47" cy="6"/>
              </a:xfrm>
              <a:custGeom>
                <a:avLst/>
                <a:gdLst>
                  <a:gd name="T0" fmla="*/ 47 w 47"/>
                  <a:gd name="T1" fmla="*/ 6 h 6"/>
                  <a:gd name="T2" fmla="*/ 0 w 47"/>
                  <a:gd name="T3" fmla="*/ 0 h 6"/>
                  <a:gd name="T4" fmla="*/ 0 w 47"/>
                  <a:gd name="T5" fmla="*/ 0 h 6"/>
                  <a:gd name="T6" fmla="*/ 47 w 47"/>
                  <a:gd name="T7" fmla="*/ 6 h 6"/>
                  <a:gd name="T8" fmla="*/ 47 w 47"/>
                  <a:gd name="T9" fmla="*/ 6 h 6"/>
                  <a:gd name="T10" fmla="*/ 47 w 47"/>
                  <a:gd name="T11" fmla="*/ 6 h 6"/>
                  <a:gd name="T12" fmla="*/ 0 60000 65536"/>
                  <a:gd name="T13" fmla="*/ 0 60000 65536"/>
                  <a:gd name="T14" fmla="*/ 0 60000 65536"/>
                  <a:gd name="T15" fmla="*/ 0 60000 65536"/>
                  <a:gd name="T16" fmla="*/ 0 60000 65536"/>
                  <a:gd name="T17" fmla="*/ 0 60000 65536"/>
                </a:gdLst>
                <a:ahLst/>
                <a:cxnLst>
                  <a:cxn ang="T12">
                    <a:pos x="T0" y="T1"/>
                  </a:cxn>
                  <a:cxn ang="T13">
                    <a:pos x="T2" y="T3"/>
                  </a:cxn>
                  <a:cxn ang="T14">
                    <a:pos x="T4" y="T5"/>
                  </a:cxn>
                  <a:cxn ang="T15">
                    <a:pos x="T6" y="T7"/>
                  </a:cxn>
                  <a:cxn ang="T16">
                    <a:pos x="T8" y="T9"/>
                  </a:cxn>
                  <a:cxn ang="T17">
                    <a:pos x="T10" y="T11"/>
                  </a:cxn>
                </a:cxnLst>
                <a:rect l="0" t="0" r="r" b="b"/>
                <a:pathLst>
                  <a:path w="47" h="6">
                    <a:moveTo>
                      <a:pt x="47" y="6"/>
                    </a:moveTo>
                    <a:lnTo>
                      <a:pt x="0" y="0"/>
                    </a:lnTo>
                    <a:lnTo>
                      <a:pt x="47" y="6"/>
                    </a:lnTo>
                    <a:close/>
                  </a:path>
                </a:pathLst>
              </a:custGeom>
              <a:solidFill>
                <a:srgbClr val="141485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46" name="Freeform 17">
                <a:extLst>
                  <a:ext uri="{FF2B5EF4-FFF2-40B4-BE49-F238E27FC236}">
                    <a16:creationId xmlns:a16="http://schemas.microsoft.com/office/drawing/2014/main" id="{2CD6F38B-32A5-D540-85D6-A3064E8D505E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912" y="2284"/>
                <a:ext cx="324" cy="162"/>
              </a:xfrm>
              <a:custGeom>
                <a:avLst/>
                <a:gdLst>
                  <a:gd name="T0" fmla="*/ 0 w 323"/>
                  <a:gd name="T1" fmla="*/ 24 h 162"/>
                  <a:gd name="T2" fmla="*/ 6 w 323"/>
                  <a:gd name="T3" fmla="*/ 24 h 162"/>
                  <a:gd name="T4" fmla="*/ 12 w 323"/>
                  <a:gd name="T5" fmla="*/ 18 h 162"/>
                  <a:gd name="T6" fmla="*/ 48 w 323"/>
                  <a:gd name="T7" fmla="*/ 6 h 162"/>
                  <a:gd name="T8" fmla="*/ 101 w 323"/>
                  <a:gd name="T9" fmla="*/ 0 h 162"/>
                  <a:gd name="T10" fmla="*/ 137 w 323"/>
                  <a:gd name="T11" fmla="*/ 6 h 162"/>
                  <a:gd name="T12" fmla="*/ 198 w 323"/>
                  <a:gd name="T13" fmla="*/ 18 h 162"/>
                  <a:gd name="T14" fmla="*/ 264 w 323"/>
                  <a:gd name="T15" fmla="*/ 54 h 162"/>
                  <a:gd name="T16" fmla="*/ 312 w 323"/>
                  <a:gd name="T17" fmla="*/ 90 h 162"/>
                  <a:gd name="T18" fmla="*/ 342 w 323"/>
                  <a:gd name="T19" fmla="*/ 114 h 162"/>
                  <a:gd name="T20" fmla="*/ 348 w 323"/>
                  <a:gd name="T21" fmla="*/ 126 h 162"/>
                  <a:gd name="T22" fmla="*/ 348 w 323"/>
                  <a:gd name="T23" fmla="*/ 126 h 162"/>
                  <a:gd name="T24" fmla="*/ 246 w 323"/>
                  <a:gd name="T25" fmla="*/ 162 h 162"/>
                  <a:gd name="T26" fmla="*/ 0 w 323"/>
                  <a:gd name="T27" fmla="*/ 24 h 162"/>
                  <a:gd name="T28" fmla="*/ 0 w 323"/>
                  <a:gd name="T29" fmla="*/ 24 h 162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</a:gdLst>
                <a:ahLst/>
                <a:cxnLst>
                  <a:cxn ang="T30">
                    <a:pos x="T0" y="T1"/>
                  </a:cxn>
                  <a:cxn ang="T31">
                    <a:pos x="T2" y="T3"/>
                  </a:cxn>
                  <a:cxn ang="T32">
                    <a:pos x="T4" y="T5"/>
                  </a:cxn>
                  <a:cxn ang="T33">
                    <a:pos x="T6" y="T7"/>
                  </a:cxn>
                  <a:cxn ang="T34">
                    <a:pos x="T8" y="T9"/>
                  </a:cxn>
                  <a:cxn ang="T35">
                    <a:pos x="T10" y="T11"/>
                  </a:cxn>
                  <a:cxn ang="T36">
                    <a:pos x="T12" y="T13"/>
                  </a:cxn>
                  <a:cxn ang="T37">
                    <a:pos x="T14" y="T15"/>
                  </a:cxn>
                  <a:cxn ang="T38">
                    <a:pos x="T16" y="T17"/>
                  </a:cxn>
                  <a:cxn ang="T39">
                    <a:pos x="T18" y="T19"/>
                  </a:cxn>
                  <a:cxn ang="T40">
                    <a:pos x="T20" y="T21"/>
                  </a:cxn>
                  <a:cxn ang="T41">
                    <a:pos x="T22" y="T23"/>
                  </a:cxn>
                  <a:cxn ang="T42">
                    <a:pos x="T24" y="T25"/>
                  </a:cxn>
                  <a:cxn ang="T43">
                    <a:pos x="T26" y="T27"/>
                  </a:cxn>
                  <a:cxn ang="T44">
                    <a:pos x="T28" y="T29"/>
                  </a:cxn>
                </a:cxnLst>
                <a:rect l="0" t="0" r="r" b="b"/>
                <a:pathLst>
                  <a:path w="323" h="162">
                    <a:moveTo>
                      <a:pt x="0" y="24"/>
                    </a:moveTo>
                    <a:lnTo>
                      <a:pt x="6" y="24"/>
                    </a:lnTo>
                    <a:lnTo>
                      <a:pt x="12" y="18"/>
                    </a:lnTo>
                    <a:lnTo>
                      <a:pt x="48" y="6"/>
                    </a:lnTo>
                    <a:lnTo>
                      <a:pt x="101" y="0"/>
                    </a:lnTo>
                    <a:lnTo>
                      <a:pt x="137" y="6"/>
                    </a:lnTo>
                    <a:lnTo>
                      <a:pt x="173" y="18"/>
                    </a:lnTo>
                    <a:lnTo>
                      <a:pt x="239" y="54"/>
                    </a:lnTo>
                    <a:lnTo>
                      <a:pt x="287" y="90"/>
                    </a:lnTo>
                    <a:lnTo>
                      <a:pt x="317" y="114"/>
                    </a:lnTo>
                    <a:lnTo>
                      <a:pt x="323" y="126"/>
                    </a:lnTo>
                    <a:lnTo>
                      <a:pt x="221" y="162"/>
                    </a:lnTo>
                    <a:lnTo>
                      <a:pt x="0" y="24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47" name="Freeform 18">
                <a:extLst>
                  <a:ext uri="{FF2B5EF4-FFF2-40B4-BE49-F238E27FC236}">
                    <a16:creationId xmlns:a16="http://schemas.microsoft.com/office/drawing/2014/main" id="{106A7DAA-1D2F-ADAF-C9C3-C29F1F4B48AC}"/>
                  </a:ext>
                </a:extLst>
              </p:cNvPr>
              <p:cNvSpPr>
                <a:spLocks noEditPoints="1"/>
              </p:cNvSpPr>
              <p:nvPr/>
            </p:nvSpPr>
            <p:spPr bwMode="hidden">
              <a:xfrm>
                <a:off x="192" y="2284"/>
                <a:ext cx="1254" cy="923"/>
              </a:xfrm>
              <a:custGeom>
                <a:avLst/>
                <a:gdLst>
                  <a:gd name="T0" fmla="*/ 1266 w 1250"/>
                  <a:gd name="T1" fmla="*/ 641 h 923"/>
                  <a:gd name="T2" fmla="*/ 1266 w 1250"/>
                  <a:gd name="T3" fmla="*/ 473 h 923"/>
                  <a:gd name="T4" fmla="*/ 1236 w 1250"/>
                  <a:gd name="T5" fmla="*/ 384 h 923"/>
                  <a:gd name="T6" fmla="*/ 1212 w 1250"/>
                  <a:gd name="T7" fmla="*/ 288 h 923"/>
                  <a:gd name="T8" fmla="*/ 1139 w 1250"/>
                  <a:gd name="T9" fmla="*/ 174 h 923"/>
                  <a:gd name="T10" fmla="*/ 1056 w 1250"/>
                  <a:gd name="T11" fmla="*/ 96 h 923"/>
                  <a:gd name="T12" fmla="*/ 1038 w 1250"/>
                  <a:gd name="T13" fmla="*/ 72 h 923"/>
                  <a:gd name="T14" fmla="*/ 966 w 1250"/>
                  <a:gd name="T15" fmla="*/ 18 h 923"/>
                  <a:gd name="T16" fmla="*/ 894 w 1250"/>
                  <a:gd name="T17" fmla="*/ 6 h 923"/>
                  <a:gd name="T18" fmla="*/ 762 w 1250"/>
                  <a:gd name="T19" fmla="*/ 24 h 923"/>
                  <a:gd name="T20" fmla="*/ 714 w 1250"/>
                  <a:gd name="T21" fmla="*/ 42 h 923"/>
                  <a:gd name="T22" fmla="*/ 618 w 1250"/>
                  <a:gd name="T23" fmla="*/ 120 h 923"/>
                  <a:gd name="T24" fmla="*/ 582 w 1250"/>
                  <a:gd name="T25" fmla="*/ 228 h 923"/>
                  <a:gd name="T26" fmla="*/ 559 w 1250"/>
                  <a:gd name="T27" fmla="*/ 348 h 923"/>
                  <a:gd name="T28" fmla="*/ 456 w 1250"/>
                  <a:gd name="T29" fmla="*/ 479 h 923"/>
                  <a:gd name="T30" fmla="*/ 438 w 1250"/>
                  <a:gd name="T31" fmla="*/ 539 h 923"/>
                  <a:gd name="T32" fmla="*/ 378 w 1250"/>
                  <a:gd name="T33" fmla="*/ 599 h 923"/>
                  <a:gd name="T34" fmla="*/ 330 w 1250"/>
                  <a:gd name="T35" fmla="*/ 629 h 923"/>
                  <a:gd name="T36" fmla="*/ 318 w 1250"/>
                  <a:gd name="T37" fmla="*/ 635 h 923"/>
                  <a:gd name="T38" fmla="*/ 282 w 1250"/>
                  <a:gd name="T39" fmla="*/ 677 h 923"/>
                  <a:gd name="T40" fmla="*/ 150 w 1250"/>
                  <a:gd name="T41" fmla="*/ 797 h 923"/>
                  <a:gd name="T42" fmla="*/ 54 w 1250"/>
                  <a:gd name="T43" fmla="*/ 839 h 923"/>
                  <a:gd name="T44" fmla="*/ 156 w 1250"/>
                  <a:gd name="T45" fmla="*/ 905 h 923"/>
                  <a:gd name="T46" fmla="*/ 265 w 1250"/>
                  <a:gd name="T47" fmla="*/ 869 h 923"/>
                  <a:gd name="T48" fmla="*/ 690 w 1250"/>
                  <a:gd name="T49" fmla="*/ 827 h 923"/>
                  <a:gd name="T50" fmla="*/ 750 w 1250"/>
                  <a:gd name="T51" fmla="*/ 725 h 923"/>
                  <a:gd name="T52" fmla="*/ 744 w 1250"/>
                  <a:gd name="T53" fmla="*/ 611 h 923"/>
                  <a:gd name="T54" fmla="*/ 851 w 1250"/>
                  <a:gd name="T55" fmla="*/ 551 h 923"/>
                  <a:gd name="T56" fmla="*/ 954 w 1250"/>
                  <a:gd name="T57" fmla="*/ 449 h 923"/>
                  <a:gd name="T58" fmla="*/ 984 w 1250"/>
                  <a:gd name="T59" fmla="*/ 414 h 923"/>
                  <a:gd name="T60" fmla="*/ 1050 w 1250"/>
                  <a:gd name="T61" fmla="*/ 318 h 923"/>
                  <a:gd name="T62" fmla="*/ 1099 w 1250"/>
                  <a:gd name="T63" fmla="*/ 336 h 923"/>
                  <a:gd name="T64" fmla="*/ 1218 w 1250"/>
                  <a:gd name="T65" fmla="*/ 617 h 923"/>
                  <a:gd name="T66" fmla="*/ 1212 w 1250"/>
                  <a:gd name="T67" fmla="*/ 689 h 923"/>
                  <a:gd name="T68" fmla="*/ 1248 w 1250"/>
                  <a:gd name="T69" fmla="*/ 749 h 923"/>
                  <a:gd name="T70" fmla="*/ 1302 w 1250"/>
                  <a:gd name="T71" fmla="*/ 713 h 923"/>
                  <a:gd name="T72" fmla="*/ 1338 w 1250"/>
                  <a:gd name="T73" fmla="*/ 749 h 923"/>
                  <a:gd name="T74" fmla="*/ 1350 w 1250"/>
                  <a:gd name="T75" fmla="*/ 743 h 923"/>
                  <a:gd name="T76" fmla="*/ 744 w 1250"/>
                  <a:gd name="T77" fmla="*/ 264 h 923"/>
                  <a:gd name="T78" fmla="*/ 859 w 1250"/>
                  <a:gd name="T79" fmla="*/ 372 h 923"/>
                  <a:gd name="T80" fmla="*/ 833 w 1250"/>
                  <a:gd name="T81" fmla="*/ 443 h 923"/>
                  <a:gd name="T82" fmla="*/ 756 w 1250"/>
                  <a:gd name="T83" fmla="*/ 515 h 923"/>
                  <a:gd name="T84" fmla="*/ 708 w 1250"/>
                  <a:gd name="T85" fmla="*/ 569 h 923"/>
                  <a:gd name="T86" fmla="*/ 666 w 1250"/>
                  <a:gd name="T87" fmla="*/ 593 h 923"/>
                  <a:gd name="T88" fmla="*/ 624 w 1250"/>
                  <a:gd name="T89" fmla="*/ 617 h 923"/>
                  <a:gd name="T90" fmla="*/ 612 w 1250"/>
                  <a:gd name="T91" fmla="*/ 707 h 923"/>
                  <a:gd name="T92" fmla="*/ 378 w 1250"/>
                  <a:gd name="T93" fmla="*/ 755 h 923"/>
                  <a:gd name="T94" fmla="*/ 414 w 1250"/>
                  <a:gd name="T95" fmla="*/ 641 h 923"/>
                  <a:gd name="T96" fmla="*/ 450 w 1250"/>
                  <a:gd name="T97" fmla="*/ 647 h 923"/>
                  <a:gd name="T98" fmla="*/ 468 w 1250"/>
                  <a:gd name="T99" fmla="*/ 617 h 923"/>
                  <a:gd name="T100" fmla="*/ 618 w 1250"/>
                  <a:gd name="T101" fmla="*/ 515 h 923"/>
                  <a:gd name="T102" fmla="*/ 666 w 1250"/>
                  <a:gd name="T103" fmla="*/ 473 h 923"/>
                  <a:gd name="T104" fmla="*/ 690 w 1250"/>
                  <a:gd name="T105" fmla="*/ 396 h 923"/>
                  <a:gd name="T106" fmla="*/ 690 w 1250"/>
                  <a:gd name="T107" fmla="*/ 378 h 923"/>
                  <a:gd name="T108" fmla="*/ 714 w 1250"/>
                  <a:gd name="T109" fmla="*/ 270 h 923"/>
                  <a:gd name="T110" fmla="*/ 732 w 1250"/>
                  <a:gd name="T111" fmla="*/ 192 h 923"/>
                  <a:gd name="T112" fmla="*/ 744 w 1250"/>
                  <a:gd name="T113" fmla="*/ 264 h 923"/>
                  <a:gd name="T114" fmla="*/ 582 w 1250"/>
                  <a:gd name="T115" fmla="*/ 455 h 923"/>
                  <a:gd name="T116" fmla="*/ 684 w 1250"/>
                  <a:gd name="T117" fmla="*/ 803 h 923"/>
                  <a:gd name="T118" fmla="*/ 0 60000 65536"/>
                  <a:gd name="T119" fmla="*/ 0 60000 65536"/>
                  <a:gd name="T120" fmla="*/ 0 60000 65536"/>
                  <a:gd name="T121" fmla="*/ 0 60000 65536"/>
                  <a:gd name="T122" fmla="*/ 0 60000 65536"/>
                  <a:gd name="T123" fmla="*/ 0 60000 65536"/>
                  <a:gd name="T124" fmla="*/ 0 60000 65536"/>
                  <a:gd name="T125" fmla="*/ 0 60000 65536"/>
                  <a:gd name="T126" fmla="*/ 0 60000 65536"/>
                  <a:gd name="T127" fmla="*/ 0 60000 65536"/>
                  <a:gd name="T128" fmla="*/ 0 60000 65536"/>
                  <a:gd name="T129" fmla="*/ 0 60000 65536"/>
                  <a:gd name="T130" fmla="*/ 0 60000 65536"/>
                  <a:gd name="T131" fmla="*/ 0 60000 65536"/>
                  <a:gd name="T132" fmla="*/ 0 60000 65536"/>
                  <a:gd name="T133" fmla="*/ 0 60000 65536"/>
                  <a:gd name="T134" fmla="*/ 0 60000 65536"/>
                  <a:gd name="T135" fmla="*/ 0 60000 65536"/>
                  <a:gd name="T136" fmla="*/ 0 60000 65536"/>
                  <a:gd name="T137" fmla="*/ 0 60000 65536"/>
                  <a:gd name="T138" fmla="*/ 0 60000 65536"/>
                  <a:gd name="T139" fmla="*/ 0 60000 65536"/>
                  <a:gd name="T140" fmla="*/ 0 60000 65536"/>
                  <a:gd name="T141" fmla="*/ 0 60000 65536"/>
                  <a:gd name="T142" fmla="*/ 0 60000 65536"/>
                  <a:gd name="T143" fmla="*/ 0 60000 65536"/>
                  <a:gd name="T144" fmla="*/ 0 60000 65536"/>
                  <a:gd name="T145" fmla="*/ 0 60000 65536"/>
                  <a:gd name="T146" fmla="*/ 0 60000 65536"/>
                  <a:gd name="T147" fmla="*/ 0 60000 65536"/>
                  <a:gd name="T148" fmla="*/ 0 60000 65536"/>
                  <a:gd name="T149" fmla="*/ 0 60000 65536"/>
                  <a:gd name="T150" fmla="*/ 0 60000 65536"/>
                  <a:gd name="T151" fmla="*/ 0 60000 65536"/>
                  <a:gd name="T152" fmla="*/ 0 60000 65536"/>
                  <a:gd name="T153" fmla="*/ 0 60000 65536"/>
                  <a:gd name="T154" fmla="*/ 0 60000 65536"/>
                  <a:gd name="T155" fmla="*/ 0 60000 65536"/>
                  <a:gd name="T156" fmla="*/ 0 60000 65536"/>
                  <a:gd name="T157" fmla="*/ 0 60000 65536"/>
                  <a:gd name="T158" fmla="*/ 0 60000 65536"/>
                  <a:gd name="T159" fmla="*/ 0 60000 65536"/>
                  <a:gd name="T160" fmla="*/ 0 60000 65536"/>
                  <a:gd name="T161" fmla="*/ 0 60000 65536"/>
                  <a:gd name="T162" fmla="*/ 0 60000 65536"/>
                  <a:gd name="T163" fmla="*/ 0 60000 65536"/>
                  <a:gd name="T164" fmla="*/ 0 60000 65536"/>
                  <a:gd name="T165" fmla="*/ 0 60000 65536"/>
                  <a:gd name="T166" fmla="*/ 0 60000 65536"/>
                  <a:gd name="T167" fmla="*/ 0 60000 65536"/>
                  <a:gd name="T168" fmla="*/ 0 60000 65536"/>
                  <a:gd name="T169" fmla="*/ 0 60000 65536"/>
                  <a:gd name="T170" fmla="*/ 0 60000 65536"/>
                  <a:gd name="T171" fmla="*/ 0 60000 65536"/>
                  <a:gd name="T172" fmla="*/ 0 60000 65536"/>
                  <a:gd name="T173" fmla="*/ 0 60000 65536"/>
                  <a:gd name="T174" fmla="*/ 0 60000 65536"/>
                  <a:gd name="T175" fmla="*/ 0 60000 65536"/>
                  <a:gd name="T176" fmla="*/ 0 60000 65536"/>
                </a:gdLst>
                <a:ahLst/>
                <a:cxnLst>
                  <a:cxn ang="T118">
                    <a:pos x="T0" y="T1"/>
                  </a:cxn>
                  <a:cxn ang="T119">
                    <a:pos x="T2" y="T3"/>
                  </a:cxn>
                  <a:cxn ang="T120">
                    <a:pos x="T4" y="T5"/>
                  </a:cxn>
                  <a:cxn ang="T121">
                    <a:pos x="T6" y="T7"/>
                  </a:cxn>
                  <a:cxn ang="T122">
                    <a:pos x="T8" y="T9"/>
                  </a:cxn>
                  <a:cxn ang="T123">
                    <a:pos x="T10" y="T11"/>
                  </a:cxn>
                  <a:cxn ang="T124">
                    <a:pos x="T12" y="T13"/>
                  </a:cxn>
                  <a:cxn ang="T125">
                    <a:pos x="T14" y="T15"/>
                  </a:cxn>
                  <a:cxn ang="T126">
                    <a:pos x="T16" y="T17"/>
                  </a:cxn>
                  <a:cxn ang="T127">
                    <a:pos x="T18" y="T19"/>
                  </a:cxn>
                  <a:cxn ang="T128">
                    <a:pos x="T20" y="T21"/>
                  </a:cxn>
                  <a:cxn ang="T129">
                    <a:pos x="T22" y="T23"/>
                  </a:cxn>
                  <a:cxn ang="T130">
                    <a:pos x="T24" y="T25"/>
                  </a:cxn>
                  <a:cxn ang="T131">
                    <a:pos x="T26" y="T27"/>
                  </a:cxn>
                  <a:cxn ang="T132">
                    <a:pos x="T28" y="T29"/>
                  </a:cxn>
                  <a:cxn ang="T133">
                    <a:pos x="T30" y="T31"/>
                  </a:cxn>
                  <a:cxn ang="T134">
                    <a:pos x="T32" y="T33"/>
                  </a:cxn>
                  <a:cxn ang="T135">
                    <a:pos x="T34" y="T35"/>
                  </a:cxn>
                  <a:cxn ang="T136">
                    <a:pos x="T36" y="T37"/>
                  </a:cxn>
                  <a:cxn ang="T137">
                    <a:pos x="T38" y="T39"/>
                  </a:cxn>
                  <a:cxn ang="T138">
                    <a:pos x="T40" y="T41"/>
                  </a:cxn>
                  <a:cxn ang="T139">
                    <a:pos x="T42" y="T43"/>
                  </a:cxn>
                  <a:cxn ang="T140">
                    <a:pos x="T44" y="T45"/>
                  </a:cxn>
                  <a:cxn ang="T141">
                    <a:pos x="T46" y="T47"/>
                  </a:cxn>
                  <a:cxn ang="T142">
                    <a:pos x="T48" y="T49"/>
                  </a:cxn>
                  <a:cxn ang="T143">
                    <a:pos x="T50" y="T51"/>
                  </a:cxn>
                  <a:cxn ang="T144">
                    <a:pos x="T52" y="T53"/>
                  </a:cxn>
                  <a:cxn ang="T145">
                    <a:pos x="T54" y="T55"/>
                  </a:cxn>
                  <a:cxn ang="T146">
                    <a:pos x="T56" y="T57"/>
                  </a:cxn>
                  <a:cxn ang="T147">
                    <a:pos x="T58" y="T59"/>
                  </a:cxn>
                  <a:cxn ang="T148">
                    <a:pos x="T60" y="T61"/>
                  </a:cxn>
                  <a:cxn ang="T149">
                    <a:pos x="T62" y="T63"/>
                  </a:cxn>
                  <a:cxn ang="T150">
                    <a:pos x="T64" y="T65"/>
                  </a:cxn>
                  <a:cxn ang="T151">
                    <a:pos x="T66" y="T67"/>
                  </a:cxn>
                  <a:cxn ang="T152">
                    <a:pos x="T68" y="T69"/>
                  </a:cxn>
                  <a:cxn ang="T153">
                    <a:pos x="T70" y="T71"/>
                  </a:cxn>
                  <a:cxn ang="T154">
                    <a:pos x="T72" y="T73"/>
                  </a:cxn>
                  <a:cxn ang="T155">
                    <a:pos x="T74" y="T75"/>
                  </a:cxn>
                  <a:cxn ang="T156">
                    <a:pos x="T76" y="T77"/>
                  </a:cxn>
                  <a:cxn ang="T157">
                    <a:pos x="T78" y="T79"/>
                  </a:cxn>
                  <a:cxn ang="T158">
                    <a:pos x="T80" y="T81"/>
                  </a:cxn>
                  <a:cxn ang="T159">
                    <a:pos x="T82" y="T83"/>
                  </a:cxn>
                  <a:cxn ang="T160">
                    <a:pos x="T84" y="T85"/>
                  </a:cxn>
                  <a:cxn ang="T161">
                    <a:pos x="T86" y="T87"/>
                  </a:cxn>
                  <a:cxn ang="T162">
                    <a:pos x="T88" y="T89"/>
                  </a:cxn>
                  <a:cxn ang="T163">
                    <a:pos x="T90" y="T91"/>
                  </a:cxn>
                  <a:cxn ang="T164">
                    <a:pos x="T92" y="T93"/>
                  </a:cxn>
                  <a:cxn ang="T165">
                    <a:pos x="T94" y="T95"/>
                  </a:cxn>
                  <a:cxn ang="T166">
                    <a:pos x="T96" y="T97"/>
                  </a:cxn>
                  <a:cxn ang="T167">
                    <a:pos x="T98" y="T99"/>
                  </a:cxn>
                  <a:cxn ang="T168">
                    <a:pos x="T100" y="T101"/>
                  </a:cxn>
                  <a:cxn ang="T169">
                    <a:pos x="T102" y="T103"/>
                  </a:cxn>
                  <a:cxn ang="T170">
                    <a:pos x="T104" y="T105"/>
                  </a:cxn>
                  <a:cxn ang="T171">
                    <a:pos x="T106" y="T107"/>
                  </a:cxn>
                  <a:cxn ang="T172">
                    <a:pos x="T108" y="T109"/>
                  </a:cxn>
                  <a:cxn ang="T173">
                    <a:pos x="T110" y="T111"/>
                  </a:cxn>
                  <a:cxn ang="T174">
                    <a:pos x="T112" y="T113"/>
                  </a:cxn>
                  <a:cxn ang="T175">
                    <a:pos x="T114" y="T115"/>
                  </a:cxn>
                  <a:cxn ang="T176">
                    <a:pos x="T116" y="T117"/>
                  </a:cxn>
                </a:cxnLst>
                <a:rect l="0" t="0" r="r" b="b"/>
                <a:pathLst>
                  <a:path w="1250" h="923">
                    <a:moveTo>
                      <a:pt x="1244" y="713"/>
                    </a:moveTo>
                    <a:lnTo>
                      <a:pt x="1214" y="683"/>
                    </a:lnTo>
                    <a:lnTo>
                      <a:pt x="1166" y="653"/>
                    </a:lnTo>
                    <a:lnTo>
                      <a:pt x="1166" y="641"/>
                    </a:lnTo>
                    <a:lnTo>
                      <a:pt x="1172" y="617"/>
                    </a:lnTo>
                    <a:lnTo>
                      <a:pt x="1172" y="581"/>
                    </a:lnTo>
                    <a:lnTo>
                      <a:pt x="1172" y="545"/>
                    </a:lnTo>
                    <a:lnTo>
                      <a:pt x="1172" y="509"/>
                    </a:lnTo>
                    <a:lnTo>
                      <a:pt x="1166" y="473"/>
                    </a:lnTo>
                    <a:lnTo>
                      <a:pt x="1154" y="443"/>
                    </a:lnTo>
                    <a:lnTo>
                      <a:pt x="1148" y="431"/>
                    </a:lnTo>
                    <a:lnTo>
                      <a:pt x="1142" y="425"/>
                    </a:lnTo>
                    <a:lnTo>
                      <a:pt x="1142" y="408"/>
                    </a:lnTo>
                    <a:lnTo>
                      <a:pt x="1136" y="384"/>
                    </a:lnTo>
                    <a:lnTo>
                      <a:pt x="1130" y="354"/>
                    </a:lnTo>
                    <a:lnTo>
                      <a:pt x="1118" y="324"/>
                    </a:lnTo>
                    <a:lnTo>
                      <a:pt x="1106" y="300"/>
                    </a:lnTo>
                    <a:lnTo>
                      <a:pt x="1112" y="294"/>
                    </a:lnTo>
                    <a:lnTo>
                      <a:pt x="1112" y="288"/>
                    </a:lnTo>
                    <a:lnTo>
                      <a:pt x="1112" y="270"/>
                    </a:lnTo>
                    <a:lnTo>
                      <a:pt x="1106" y="252"/>
                    </a:lnTo>
                    <a:lnTo>
                      <a:pt x="1083" y="210"/>
                    </a:lnTo>
                    <a:lnTo>
                      <a:pt x="1059" y="180"/>
                    </a:lnTo>
                    <a:lnTo>
                      <a:pt x="1053" y="174"/>
                    </a:lnTo>
                    <a:lnTo>
                      <a:pt x="1047" y="168"/>
                    </a:lnTo>
                    <a:lnTo>
                      <a:pt x="1041" y="126"/>
                    </a:lnTo>
                    <a:lnTo>
                      <a:pt x="1017" y="114"/>
                    </a:lnTo>
                    <a:lnTo>
                      <a:pt x="987" y="90"/>
                    </a:lnTo>
                    <a:lnTo>
                      <a:pt x="981" y="96"/>
                    </a:lnTo>
                    <a:lnTo>
                      <a:pt x="981" y="102"/>
                    </a:lnTo>
                    <a:lnTo>
                      <a:pt x="975" y="120"/>
                    </a:lnTo>
                    <a:lnTo>
                      <a:pt x="975" y="108"/>
                    </a:lnTo>
                    <a:lnTo>
                      <a:pt x="969" y="90"/>
                    </a:lnTo>
                    <a:lnTo>
                      <a:pt x="963" y="72"/>
                    </a:lnTo>
                    <a:lnTo>
                      <a:pt x="963" y="66"/>
                    </a:lnTo>
                    <a:lnTo>
                      <a:pt x="933" y="42"/>
                    </a:lnTo>
                    <a:lnTo>
                      <a:pt x="921" y="36"/>
                    </a:lnTo>
                    <a:lnTo>
                      <a:pt x="915" y="30"/>
                    </a:lnTo>
                    <a:lnTo>
                      <a:pt x="891" y="18"/>
                    </a:lnTo>
                    <a:lnTo>
                      <a:pt x="885" y="18"/>
                    </a:lnTo>
                    <a:lnTo>
                      <a:pt x="867" y="18"/>
                    </a:lnTo>
                    <a:lnTo>
                      <a:pt x="855" y="18"/>
                    </a:lnTo>
                    <a:lnTo>
                      <a:pt x="849" y="18"/>
                    </a:lnTo>
                    <a:lnTo>
                      <a:pt x="819" y="6"/>
                    </a:lnTo>
                    <a:lnTo>
                      <a:pt x="796" y="0"/>
                    </a:lnTo>
                    <a:lnTo>
                      <a:pt x="772" y="6"/>
                    </a:lnTo>
                    <a:lnTo>
                      <a:pt x="754" y="18"/>
                    </a:lnTo>
                    <a:lnTo>
                      <a:pt x="730" y="18"/>
                    </a:lnTo>
                    <a:lnTo>
                      <a:pt x="712" y="24"/>
                    </a:lnTo>
                    <a:lnTo>
                      <a:pt x="700" y="30"/>
                    </a:lnTo>
                    <a:lnTo>
                      <a:pt x="694" y="30"/>
                    </a:lnTo>
                    <a:lnTo>
                      <a:pt x="688" y="30"/>
                    </a:lnTo>
                    <a:lnTo>
                      <a:pt x="664" y="42"/>
                    </a:lnTo>
                    <a:lnTo>
                      <a:pt x="628" y="60"/>
                    </a:lnTo>
                    <a:lnTo>
                      <a:pt x="586" y="90"/>
                    </a:lnTo>
                    <a:lnTo>
                      <a:pt x="574" y="108"/>
                    </a:lnTo>
                    <a:lnTo>
                      <a:pt x="562" y="120"/>
                    </a:lnTo>
                    <a:lnTo>
                      <a:pt x="568" y="120"/>
                    </a:lnTo>
                    <a:lnTo>
                      <a:pt x="568" y="114"/>
                    </a:lnTo>
                    <a:lnTo>
                      <a:pt x="550" y="150"/>
                    </a:lnTo>
                    <a:lnTo>
                      <a:pt x="538" y="192"/>
                    </a:lnTo>
                    <a:lnTo>
                      <a:pt x="532" y="216"/>
                    </a:lnTo>
                    <a:lnTo>
                      <a:pt x="532" y="228"/>
                    </a:lnTo>
                    <a:lnTo>
                      <a:pt x="527" y="246"/>
                    </a:lnTo>
                    <a:lnTo>
                      <a:pt x="521" y="276"/>
                    </a:lnTo>
                    <a:lnTo>
                      <a:pt x="515" y="312"/>
                    </a:lnTo>
                    <a:lnTo>
                      <a:pt x="509" y="348"/>
                    </a:lnTo>
                    <a:lnTo>
                      <a:pt x="473" y="390"/>
                    </a:lnTo>
                    <a:lnTo>
                      <a:pt x="473" y="396"/>
                    </a:lnTo>
                    <a:lnTo>
                      <a:pt x="467" y="402"/>
                    </a:lnTo>
                    <a:lnTo>
                      <a:pt x="449" y="437"/>
                    </a:lnTo>
                    <a:lnTo>
                      <a:pt x="431" y="479"/>
                    </a:lnTo>
                    <a:lnTo>
                      <a:pt x="419" y="521"/>
                    </a:lnTo>
                    <a:lnTo>
                      <a:pt x="413" y="527"/>
                    </a:lnTo>
                    <a:lnTo>
                      <a:pt x="413" y="533"/>
                    </a:lnTo>
                    <a:lnTo>
                      <a:pt x="413" y="539"/>
                    </a:lnTo>
                    <a:lnTo>
                      <a:pt x="353" y="599"/>
                    </a:lnTo>
                    <a:lnTo>
                      <a:pt x="347" y="599"/>
                    </a:lnTo>
                    <a:lnTo>
                      <a:pt x="341" y="599"/>
                    </a:lnTo>
                    <a:lnTo>
                      <a:pt x="335" y="611"/>
                    </a:lnTo>
                    <a:lnTo>
                      <a:pt x="311" y="629"/>
                    </a:lnTo>
                    <a:lnTo>
                      <a:pt x="305" y="629"/>
                    </a:lnTo>
                    <a:lnTo>
                      <a:pt x="299" y="629"/>
                    </a:lnTo>
                    <a:lnTo>
                      <a:pt x="299" y="635"/>
                    </a:lnTo>
                    <a:lnTo>
                      <a:pt x="293" y="635"/>
                    </a:lnTo>
                    <a:lnTo>
                      <a:pt x="257" y="659"/>
                    </a:lnTo>
                    <a:lnTo>
                      <a:pt x="257" y="665"/>
                    </a:lnTo>
                    <a:lnTo>
                      <a:pt x="257" y="677"/>
                    </a:lnTo>
                    <a:lnTo>
                      <a:pt x="257" y="701"/>
                    </a:lnTo>
                    <a:lnTo>
                      <a:pt x="257" y="719"/>
                    </a:lnTo>
                    <a:lnTo>
                      <a:pt x="257" y="731"/>
                    </a:lnTo>
                    <a:lnTo>
                      <a:pt x="216" y="725"/>
                    </a:lnTo>
                    <a:lnTo>
                      <a:pt x="150" y="797"/>
                    </a:lnTo>
                    <a:lnTo>
                      <a:pt x="150" y="827"/>
                    </a:lnTo>
                    <a:lnTo>
                      <a:pt x="174" y="827"/>
                    </a:lnTo>
                    <a:lnTo>
                      <a:pt x="114" y="845"/>
                    </a:lnTo>
                    <a:lnTo>
                      <a:pt x="108" y="851"/>
                    </a:lnTo>
                    <a:lnTo>
                      <a:pt x="54" y="839"/>
                    </a:lnTo>
                    <a:lnTo>
                      <a:pt x="0" y="857"/>
                    </a:lnTo>
                    <a:lnTo>
                      <a:pt x="0" y="875"/>
                    </a:lnTo>
                    <a:lnTo>
                      <a:pt x="102" y="893"/>
                    </a:lnTo>
                    <a:lnTo>
                      <a:pt x="96" y="893"/>
                    </a:lnTo>
                    <a:lnTo>
                      <a:pt x="156" y="905"/>
                    </a:lnTo>
                    <a:lnTo>
                      <a:pt x="168" y="899"/>
                    </a:lnTo>
                    <a:lnTo>
                      <a:pt x="311" y="923"/>
                    </a:lnTo>
                    <a:lnTo>
                      <a:pt x="365" y="911"/>
                    </a:lnTo>
                    <a:lnTo>
                      <a:pt x="371" y="887"/>
                    </a:lnTo>
                    <a:lnTo>
                      <a:pt x="240" y="869"/>
                    </a:lnTo>
                    <a:lnTo>
                      <a:pt x="240" y="863"/>
                    </a:lnTo>
                    <a:lnTo>
                      <a:pt x="497" y="791"/>
                    </a:lnTo>
                    <a:lnTo>
                      <a:pt x="503" y="809"/>
                    </a:lnTo>
                    <a:lnTo>
                      <a:pt x="640" y="827"/>
                    </a:lnTo>
                    <a:lnTo>
                      <a:pt x="700" y="725"/>
                    </a:lnTo>
                    <a:lnTo>
                      <a:pt x="658" y="719"/>
                    </a:lnTo>
                    <a:lnTo>
                      <a:pt x="664" y="653"/>
                    </a:lnTo>
                    <a:lnTo>
                      <a:pt x="670" y="623"/>
                    </a:lnTo>
                    <a:lnTo>
                      <a:pt x="694" y="611"/>
                    </a:lnTo>
                    <a:lnTo>
                      <a:pt x="694" y="605"/>
                    </a:lnTo>
                    <a:lnTo>
                      <a:pt x="718" y="587"/>
                    </a:lnTo>
                    <a:lnTo>
                      <a:pt x="748" y="569"/>
                    </a:lnTo>
                    <a:lnTo>
                      <a:pt x="778" y="551"/>
                    </a:lnTo>
                    <a:lnTo>
                      <a:pt x="796" y="533"/>
                    </a:lnTo>
                    <a:lnTo>
                      <a:pt x="819" y="515"/>
                    </a:lnTo>
                    <a:lnTo>
                      <a:pt x="843" y="497"/>
                    </a:lnTo>
                    <a:lnTo>
                      <a:pt x="867" y="467"/>
                    </a:lnTo>
                    <a:lnTo>
                      <a:pt x="879" y="449"/>
                    </a:lnTo>
                    <a:lnTo>
                      <a:pt x="879" y="443"/>
                    </a:lnTo>
                    <a:lnTo>
                      <a:pt x="885" y="443"/>
                    </a:lnTo>
                    <a:lnTo>
                      <a:pt x="891" y="431"/>
                    </a:lnTo>
                    <a:lnTo>
                      <a:pt x="903" y="425"/>
                    </a:lnTo>
                    <a:lnTo>
                      <a:pt x="909" y="414"/>
                    </a:lnTo>
                    <a:lnTo>
                      <a:pt x="909" y="390"/>
                    </a:lnTo>
                    <a:lnTo>
                      <a:pt x="903" y="360"/>
                    </a:lnTo>
                    <a:lnTo>
                      <a:pt x="927" y="348"/>
                    </a:lnTo>
                    <a:lnTo>
                      <a:pt x="951" y="330"/>
                    </a:lnTo>
                    <a:lnTo>
                      <a:pt x="975" y="318"/>
                    </a:lnTo>
                    <a:lnTo>
                      <a:pt x="993" y="300"/>
                    </a:lnTo>
                    <a:lnTo>
                      <a:pt x="999" y="306"/>
                    </a:lnTo>
                    <a:lnTo>
                      <a:pt x="1011" y="306"/>
                    </a:lnTo>
                    <a:lnTo>
                      <a:pt x="1023" y="336"/>
                    </a:lnTo>
                    <a:lnTo>
                      <a:pt x="1071" y="449"/>
                    </a:lnTo>
                    <a:lnTo>
                      <a:pt x="1071" y="467"/>
                    </a:lnTo>
                    <a:lnTo>
                      <a:pt x="1077" y="497"/>
                    </a:lnTo>
                    <a:lnTo>
                      <a:pt x="1101" y="563"/>
                    </a:lnTo>
                    <a:lnTo>
                      <a:pt x="1118" y="617"/>
                    </a:lnTo>
                    <a:lnTo>
                      <a:pt x="1124" y="641"/>
                    </a:lnTo>
                    <a:lnTo>
                      <a:pt x="1124" y="653"/>
                    </a:lnTo>
                    <a:lnTo>
                      <a:pt x="1118" y="659"/>
                    </a:lnTo>
                    <a:lnTo>
                      <a:pt x="1112" y="671"/>
                    </a:lnTo>
                    <a:lnTo>
                      <a:pt x="1112" y="689"/>
                    </a:lnTo>
                    <a:lnTo>
                      <a:pt x="1118" y="701"/>
                    </a:lnTo>
                    <a:lnTo>
                      <a:pt x="1124" y="719"/>
                    </a:lnTo>
                    <a:lnTo>
                      <a:pt x="1130" y="737"/>
                    </a:lnTo>
                    <a:lnTo>
                      <a:pt x="1136" y="749"/>
                    </a:lnTo>
                    <a:lnTo>
                      <a:pt x="1148" y="749"/>
                    </a:lnTo>
                    <a:lnTo>
                      <a:pt x="1154" y="743"/>
                    </a:lnTo>
                    <a:lnTo>
                      <a:pt x="1154" y="725"/>
                    </a:lnTo>
                    <a:lnTo>
                      <a:pt x="1148" y="707"/>
                    </a:lnTo>
                    <a:lnTo>
                      <a:pt x="1148" y="701"/>
                    </a:lnTo>
                    <a:lnTo>
                      <a:pt x="1202" y="713"/>
                    </a:lnTo>
                    <a:lnTo>
                      <a:pt x="1208" y="719"/>
                    </a:lnTo>
                    <a:lnTo>
                      <a:pt x="1214" y="737"/>
                    </a:lnTo>
                    <a:lnTo>
                      <a:pt x="1220" y="749"/>
                    </a:lnTo>
                    <a:lnTo>
                      <a:pt x="1232" y="755"/>
                    </a:lnTo>
                    <a:lnTo>
                      <a:pt x="1238" y="749"/>
                    </a:lnTo>
                    <a:lnTo>
                      <a:pt x="1232" y="737"/>
                    </a:lnTo>
                    <a:lnTo>
                      <a:pt x="1238" y="749"/>
                    </a:lnTo>
                    <a:lnTo>
                      <a:pt x="1244" y="755"/>
                    </a:lnTo>
                    <a:lnTo>
                      <a:pt x="1250" y="749"/>
                    </a:lnTo>
                    <a:lnTo>
                      <a:pt x="1250" y="743"/>
                    </a:lnTo>
                    <a:lnTo>
                      <a:pt x="1250" y="731"/>
                    </a:lnTo>
                    <a:lnTo>
                      <a:pt x="1244" y="719"/>
                    </a:lnTo>
                    <a:lnTo>
                      <a:pt x="1244" y="713"/>
                    </a:lnTo>
                    <a:close/>
                    <a:moveTo>
                      <a:pt x="694" y="264"/>
                    </a:moveTo>
                    <a:lnTo>
                      <a:pt x="700" y="276"/>
                    </a:lnTo>
                    <a:lnTo>
                      <a:pt x="712" y="288"/>
                    </a:lnTo>
                    <a:lnTo>
                      <a:pt x="742" y="330"/>
                    </a:lnTo>
                    <a:lnTo>
                      <a:pt x="778" y="360"/>
                    </a:lnTo>
                    <a:lnTo>
                      <a:pt x="784" y="372"/>
                    </a:lnTo>
                    <a:lnTo>
                      <a:pt x="790" y="378"/>
                    </a:lnTo>
                    <a:lnTo>
                      <a:pt x="796" y="384"/>
                    </a:lnTo>
                    <a:lnTo>
                      <a:pt x="790" y="431"/>
                    </a:lnTo>
                    <a:lnTo>
                      <a:pt x="766" y="443"/>
                    </a:lnTo>
                    <a:lnTo>
                      <a:pt x="748" y="461"/>
                    </a:lnTo>
                    <a:lnTo>
                      <a:pt x="724" y="485"/>
                    </a:lnTo>
                    <a:lnTo>
                      <a:pt x="712" y="503"/>
                    </a:lnTo>
                    <a:lnTo>
                      <a:pt x="712" y="509"/>
                    </a:lnTo>
                    <a:lnTo>
                      <a:pt x="706" y="515"/>
                    </a:lnTo>
                    <a:lnTo>
                      <a:pt x="688" y="533"/>
                    </a:lnTo>
                    <a:lnTo>
                      <a:pt x="670" y="551"/>
                    </a:lnTo>
                    <a:lnTo>
                      <a:pt x="658" y="563"/>
                    </a:lnTo>
                    <a:lnTo>
                      <a:pt x="658" y="569"/>
                    </a:lnTo>
                    <a:lnTo>
                      <a:pt x="652" y="569"/>
                    </a:lnTo>
                    <a:lnTo>
                      <a:pt x="652" y="575"/>
                    </a:lnTo>
                    <a:lnTo>
                      <a:pt x="640" y="581"/>
                    </a:lnTo>
                    <a:lnTo>
                      <a:pt x="616" y="593"/>
                    </a:lnTo>
                    <a:lnTo>
                      <a:pt x="604" y="599"/>
                    </a:lnTo>
                    <a:lnTo>
                      <a:pt x="592" y="605"/>
                    </a:lnTo>
                    <a:lnTo>
                      <a:pt x="586" y="611"/>
                    </a:lnTo>
                    <a:lnTo>
                      <a:pt x="574" y="617"/>
                    </a:lnTo>
                    <a:lnTo>
                      <a:pt x="562" y="629"/>
                    </a:lnTo>
                    <a:lnTo>
                      <a:pt x="550" y="635"/>
                    </a:lnTo>
                    <a:lnTo>
                      <a:pt x="550" y="653"/>
                    </a:lnTo>
                    <a:lnTo>
                      <a:pt x="556" y="677"/>
                    </a:lnTo>
                    <a:lnTo>
                      <a:pt x="562" y="707"/>
                    </a:lnTo>
                    <a:lnTo>
                      <a:pt x="538" y="737"/>
                    </a:lnTo>
                    <a:lnTo>
                      <a:pt x="377" y="785"/>
                    </a:lnTo>
                    <a:lnTo>
                      <a:pt x="365" y="761"/>
                    </a:lnTo>
                    <a:lnTo>
                      <a:pt x="359" y="755"/>
                    </a:lnTo>
                    <a:lnTo>
                      <a:pt x="353" y="755"/>
                    </a:lnTo>
                    <a:lnTo>
                      <a:pt x="359" y="683"/>
                    </a:lnTo>
                    <a:lnTo>
                      <a:pt x="365" y="671"/>
                    </a:lnTo>
                    <a:lnTo>
                      <a:pt x="371" y="665"/>
                    </a:lnTo>
                    <a:lnTo>
                      <a:pt x="389" y="641"/>
                    </a:lnTo>
                    <a:lnTo>
                      <a:pt x="413" y="629"/>
                    </a:lnTo>
                    <a:lnTo>
                      <a:pt x="431" y="611"/>
                    </a:lnTo>
                    <a:lnTo>
                      <a:pt x="419" y="623"/>
                    </a:lnTo>
                    <a:lnTo>
                      <a:pt x="419" y="629"/>
                    </a:lnTo>
                    <a:lnTo>
                      <a:pt x="425" y="647"/>
                    </a:lnTo>
                    <a:lnTo>
                      <a:pt x="425" y="659"/>
                    </a:lnTo>
                    <a:lnTo>
                      <a:pt x="431" y="665"/>
                    </a:lnTo>
                    <a:lnTo>
                      <a:pt x="437" y="659"/>
                    </a:lnTo>
                    <a:lnTo>
                      <a:pt x="443" y="635"/>
                    </a:lnTo>
                    <a:lnTo>
                      <a:pt x="443" y="617"/>
                    </a:lnTo>
                    <a:lnTo>
                      <a:pt x="443" y="605"/>
                    </a:lnTo>
                    <a:lnTo>
                      <a:pt x="491" y="575"/>
                    </a:lnTo>
                    <a:lnTo>
                      <a:pt x="527" y="545"/>
                    </a:lnTo>
                    <a:lnTo>
                      <a:pt x="550" y="527"/>
                    </a:lnTo>
                    <a:lnTo>
                      <a:pt x="568" y="515"/>
                    </a:lnTo>
                    <a:lnTo>
                      <a:pt x="586" y="503"/>
                    </a:lnTo>
                    <a:lnTo>
                      <a:pt x="598" y="497"/>
                    </a:lnTo>
                    <a:lnTo>
                      <a:pt x="610" y="485"/>
                    </a:lnTo>
                    <a:lnTo>
                      <a:pt x="616" y="479"/>
                    </a:lnTo>
                    <a:lnTo>
                      <a:pt x="616" y="473"/>
                    </a:lnTo>
                    <a:lnTo>
                      <a:pt x="628" y="455"/>
                    </a:lnTo>
                    <a:lnTo>
                      <a:pt x="634" y="431"/>
                    </a:lnTo>
                    <a:lnTo>
                      <a:pt x="640" y="408"/>
                    </a:lnTo>
                    <a:lnTo>
                      <a:pt x="640" y="402"/>
                    </a:lnTo>
                    <a:lnTo>
                      <a:pt x="640" y="396"/>
                    </a:lnTo>
                    <a:lnTo>
                      <a:pt x="628" y="396"/>
                    </a:lnTo>
                    <a:lnTo>
                      <a:pt x="634" y="396"/>
                    </a:lnTo>
                    <a:lnTo>
                      <a:pt x="634" y="390"/>
                    </a:lnTo>
                    <a:lnTo>
                      <a:pt x="640" y="378"/>
                    </a:lnTo>
                    <a:lnTo>
                      <a:pt x="652" y="336"/>
                    </a:lnTo>
                    <a:lnTo>
                      <a:pt x="664" y="300"/>
                    </a:lnTo>
                    <a:lnTo>
                      <a:pt x="664" y="282"/>
                    </a:lnTo>
                    <a:lnTo>
                      <a:pt x="670" y="276"/>
                    </a:lnTo>
                    <a:lnTo>
                      <a:pt x="664" y="270"/>
                    </a:lnTo>
                    <a:lnTo>
                      <a:pt x="658" y="258"/>
                    </a:lnTo>
                    <a:lnTo>
                      <a:pt x="646" y="246"/>
                    </a:lnTo>
                    <a:lnTo>
                      <a:pt x="640" y="240"/>
                    </a:lnTo>
                    <a:lnTo>
                      <a:pt x="676" y="258"/>
                    </a:lnTo>
                    <a:lnTo>
                      <a:pt x="682" y="192"/>
                    </a:lnTo>
                    <a:lnTo>
                      <a:pt x="682" y="198"/>
                    </a:lnTo>
                    <a:lnTo>
                      <a:pt x="682" y="222"/>
                    </a:lnTo>
                    <a:lnTo>
                      <a:pt x="688" y="246"/>
                    </a:lnTo>
                    <a:lnTo>
                      <a:pt x="694" y="264"/>
                    </a:lnTo>
                    <a:close/>
                    <a:moveTo>
                      <a:pt x="532" y="455"/>
                    </a:moveTo>
                    <a:lnTo>
                      <a:pt x="527" y="461"/>
                    </a:lnTo>
                    <a:lnTo>
                      <a:pt x="532" y="449"/>
                    </a:lnTo>
                    <a:lnTo>
                      <a:pt x="532" y="455"/>
                    </a:lnTo>
                    <a:close/>
                    <a:moveTo>
                      <a:pt x="634" y="803"/>
                    </a:moveTo>
                    <a:lnTo>
                      <a:pt x="634" y="803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48" name="Freeform 19">
                <a:extLst>
                  <a:ext uri="{FF2B5EF4-FFF2-40B4-BE49-F238E27FC236}">
                    <a16:creationId xmlns:a16="http://schemas.microsoft.com/office/drawing/2014/main" id="{9E9ECF5C-E9C2-DDB5-E48A-C4A23569C6ED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684" y="2709"/>
                <a:ext cx="47" cy="78"/>
              </a:xfrm>
              <a:custGeom>
                <a:avLst/>
                <a:gdLst>
                  <a:gd name="T0" fmla="*/ 12 w 47"/>
                  <a:gd name="T1" fmla="*/ 72 h 78"/>
                  <a:gd name="T2" fmla="*/ 18 w 47"/>
                  <a:gd name="T3" fmla="*/ 60 h 78"/>
                  <a:gd name="T4" fmla="*/ 24 w 47"/>
                  <a:gd name="T5" fmla="*/ 54 h 78"/>
                  <a:gd name="T6" fmla="*/ 47 w 47"/>
                  <a:gd name="T7" fmla="*/ 0 h 78"/>
                  <a:gd name="T8" fmla="*/ 0 w 47"/>
                  <a:gd name="T9" fmla="*/ 78 h 78"/>
                  <a:gd name="T10" fmla="*/ 12 w 47"/>
                  <a:gd name="T11" fmla="*/ 72 h 78"/>
                  <a:gd name="T12" fmla="*/ 12 w 47"/>
                  <a:gd name="T13" fmla="*/ 72 h 78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</a:gdLst>
                <a:ahLst/>
                <a:cxnLst>
                  <a:cxn ang="T14">
                    <a:pos x="T0" y="T1"/>
                  </a:cxn>
                  <a:cxn ang="T15">
                    <a:pos x="T2" y="T3"/>
                  </a:cxn>
                  <a:cxn ang="T16">
                    <a:pos x="T4" y="T5"/>
                  </a:cxn>
                  <a:cxn ang="T17">
                    <a:pos x="T6" y="T7"/>
                  </a:cxn>
                  <a:cxn ang="T18">
                    <a:pos x="T8" y="T9"/>
                  </a:cxn>
                  <a:cxn ang="T19">
                    <a:pos x="T10" y="T11"/>
                  </a:cxn>
                  <a:cxn ang="T20">
                    <a:pos x="T12" y="T13"/>
                  </a:cxn>
                </a:cxnLst>
                <a:rect l="0" t="0" r="r" b="b"/>
                <a:pathLst>
                  <a:path w="47" h="78">
                    <a:moveTo>
                      <a:pt x="12" y="72"/>
                    </a:moveTo>
                    <a:lnTo>
                      <a:pt x="18" y="60"/>
                    </a:lnTo>
                    <a:lnTo>
                      <a:pt x="24" y="54"/>
                    </a:lnTo>
                    <a:lnTo>
                      <a:pt x="47" y="0"/>
                    </a:lnTo>
                    <a:lnTo>
                      <a:pt x="0" y="78"/>
                    </a:lnTo>
                    <a:lnTo>
                      <a:pt x="12" y="72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49" name="Freeform 20">
                <a:extLst>
                  <a:ext uri="{FF2B5EF4-FFF2-40B4-BE49-F238E27FC236}">
                    <a16:creationId xmlns:a16="http://schemas.microsoft.com/office/drawing/2014/main" id="{94CB746B-9FF8-917A-BD06-129D9A6DC732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1284" y="2572"/>
                <a:ext cx="149" cy="419"/>
              </a:xfrm>
              <a:custGeom>
                <a:avLst/>
                <a:gdLst>
                  <a:gd name="T0" fmla="*/ 29 w 149"/>
                  <a:gd name="T1" fmla="*/ 96 h 419"/>
                  <a:gd name="T2" fmla="*/ 41 w 149"/>
                  <a:gd name="T3" fmla="*/ 126 h 419"/>
                  <a:gd name="T4" fmla="*/ 29 w 149"/>
                  <a:gd name="T5" fmla="*/ 161 h 419"/>
                  <a:gd name="T6" fmla="*/ 47 w 149"/>
                  <a:gd name="T7" fmla="*/ 149 h 419"/>
                  <a:gd name="T8" fmla="*/ 53 w 149"/>
                  <a:gd name="T9" fmla="*/ 347 h 419"/>
                  <a:gd name="T10" fmla="*/ 65 w 149"/>
                  <a:gd name="T11" fmla="*/ 371 h 419"/>
                  <a:gd name="T12" fmla="*/ 65 w 149"/>
                  <a:gd name="T13" fmla="*/ 377 h 419"/>
                  <a:gd name="T14" fmla="*/ 65 w 149"/>
                  <a:gd name="T15" fmla="*/ 389 h 419"/>
                  <a:gd name="T16" fmla="*/ 77 w 149"/>
                  <a:gd name="T17" fmla="*/ 395 h 419"/>
                  <a:gd name="T18" fmla="*/ 101 w 149"/>
                  <a:gd name="T19" fmla="*/ 407 h 419"/>
                  <a:gd name="T20" fmla="*/ 125 w 149"/>
                  <a:gd name="T21" fmla="*/ 413 h 419"/>
                  <a:gd name="T22" fmla="*/ 149 w 149"/>
                  <a:gd name="T23" fmla="*/ 419 h 419"/>
                  <a:gd name="T24" fmla="*/ 125 w 149"/>
                  <a:gd name="T25" fmla="*/ 395 h 419"/>
                  <a:gd name="T26" fmla="*/ 77 w 149"/>
                  <a:gd name="T27" fmla="*/ 365 h 419"/>
                  <a:gd name="T28" fmla="*/ 77 w 149"/>
                  <a:gd name="T29" fmla="*/ 365 h 419"/>
                  <a:gd name="T30" fmla="*/ 77 w 149"/>
                  <a:gd name="T31" fmla="*/ 353 h 419"/>
                  <a:gd name="T32" fmla="*/ 83 w 149"/>
                  <a:gd name="T33" fmla="*/ 329 h 419"/>
                  <a:gd name="T34" fmla="*/ 83 w 149"/>
                  <a:gd name="T35" fmla="*/ 293 h 419"/>
                  <a:gd name="T36" fmla="*/ 83 w 149"/>
                  <a:gd name="T37" fmla="*/ 257 h 419"/>
                  <a:gd name="T38" fmla="*/ 83 w 149"/>
                  <a:gd name="T39" fmla="*/ 221 h 419"/>
                  <a:gd name="T40" fmla="*/ 77 w 149"/>
                  <a:gd name="T41" fmla="*/ 185 h 419"/>
                  <a:gd name="T42" fmla="*/ 65 w 149"/>
                  <a:gd name="T43" fmla="*/ 155 h 419"/>
                  <a:gd name="T44" fmla="*/ 59 w 149"/>
                  <a:gd name="T45" fmla="*/ 143 h 419"/>
                  <a:gd name="T46" fmla="*/ 53 w 149"/>
                  <a:gd name="T47" fmla="*/ 137 h 419"/>
                  <a:gd name="T48" fmla="*/ 53 w 149"/>
                  <a:gd name="T49" fmla="*/ 120 h 419"/>
                  <a:gd name="T50" fmla="*/ 53 w 149"/>
                  <a:gd name="T51" fmla="*/ 108 h 419"/>
                  <a:gd name="T52" fmla="*/ 47 w 149"/>
                  <a:gd name="T53" fmla="*/ 90 h 419"/>
                  <a:gd name="T54" fmla="*/ 35 w 149"/>
                  <a:gd name="T55" fmla="*/ 54 h 419"/>
                  <a:gd name="T56" fmla="*/ 23 w 149"/>
                  <a:gd name="T57" fmla="*/ 18 h 419"/>
                  <a:gd name="T58" fmla="*/ 17 w 149"/>
                  <a:gd name="T59" fmla="*/ 6 h 419"/>
                  <a:gd name="T60" fmla="*/ 17 w 149"/>
                  <a:gd name="T61" fmla="*/ 0 h 419"/>
                  <a:gd name="T62" fmla="*/ 0 w 149"/>
                  <a:gd name="T63" fmla="*/ 6 h 419"/>
                  <a:gd name="T64" fmla="*/ 6 w 149"/>
                  <a:gd name="T65" fmla="*/ 114 h 419"/>
                  <a:gd name="T66" fmla="*/ 29 w 149"/>
                  <a:gd name="T67" fmla="*/ 96 h 419"/>
                  <a:gd name="T68" fmla="*/ 29 w 149"/>
                  <a:gd name="T69" fmla="*/ 96 h 419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60000 65536"/>
                  <a:gd name="T76" fmla="*/ 0 60000 65536"/>
                  <a:gd name="T77" fmla="*/ 0 60000 65536"/>
                  <a:gd name="T78" fmla="*/ 0 60000 65536"/>
                  <a:gd name="T79" fmla="*/ 0 60000 65536"/>
                  <a:gd name="T80" fmla="*/ 0 60000 65536"/>
                  <a:gd name="T81" fmla="*/ 0 60000 65536"/>
                  <a:gd name="T82" fmla="*/ 0 60000 65536"/>
                  <a:gd name="T83" fmla="*/ 0 60000 65536"/>
                  <a:gd name="T84" fmla="*/ 0 60000 65536"/>
                  <a:gd name="T85" fmla="*/ 0 60000 65536"/>
                  <a:gd name="T86" fmla="*/ 0 60000 65536"/>
                  <a:gd name="T87" fmla="*/ 0 60000 65536"/>
                  <a:gd name="T88" fmla="*/ 0 60000 65536"/>
                  <a:gd name="T89" fmla="*/ 0 60000 65536"/>
                  <a:gd name="T90" fmla="*/ 0 60000 65536"/>
                  <a:gd name="T91" fmla="*/ 0 60000 65536"/>
                  <a:gd name="T92" fmla="*/ 0 60000 65536"/>
                  <a:gd name="T93" fmla="*/ 0 60000 65536"/>
                  <a:gd name="T94" fmla="*/ 0 60000 65536"/>
                  <a:gd name="T95" fmla="*/ 0 60000 65536"/>
                  <a:gd name="T96" fmla="*/ 0 60000 65536"/>
                  <a:gd name="T97" fmla="*/ 0 60000 65536"/>
                  <a:gd name="T98" fmla="*/ 0 60000 65536"/>
                  <a:gd name="T99" fmla="*/ 0 60000 65536"/>
                  <a:gd name="T100" fmla="*/ 0 60000 65536"/>
                  <a:gd name="T101" fmla="*/ 0 60000 65536"/>
                  <a:gd name="T102" fmla="*/ 0 60000 65536"/>
                  <a:gd name="T103" fmla="*/ 0 60000 65536"/>
                  <a:gd name="T104" fmla="*/ 0 60000 65536"/>
                </a:gdLst>
                <a:ahLst/>
                <a:cxnLst>
                  <a:cxn ang="T70">
                    <a:pos x="T0" y="T1"/>
                  </a:cxn>
                  <a:cxn ang="T71">
                    <a:pos x="T2" y="T3"/>
                  </a:cxn>
                  <a:cxn ang="T72">
                    <a:pos x="T4" y="T5"/>
                  </a:cxn>
                  <a:cxn ang="T73">
                    <a:pos x="T6" y="T7"/>
                  </a:cxn>
                  <a:cxn ang="T74">
                    <a:pos x="T8" y="T9"/>
                  </a:cxn>
                  <a:cxn ang="T75">
                    <a:pos x="T10" y="T11"/>
                  </a:cxn>
                  <a:cxn ang="T76">
                    <a:pos x="T12" y="T13"/>
                  </a:cxn>
                  <a:cxn ang="T77">
                    <a:pos x="T14" y="T15"/>
                  </a:cxn>
                  <a:cxn ang="T78">
                    <a:pos x="T16" y="T17"/>
                  </a:cxn>
                  <a:cxn ang="T79">
                    <a:pos x="T18" y="T19"/>
                  </a:cxn>
                  <a:cxn ang="T80">
                    <a:pos x="T20" y="T21"/>
                  </a:cxn>
                  <a:cxn ang="T81">
                    <a:pos x="T22" y="T23"/>
                  </a:cxn>
                  <a:cxn ang="T82">
                    <a:pos x="T24" y="T25"/>
                  </a:cxn>
                  <a:cxn ang="T83">
                    <a:pos x="T26" y="T27"/>
                  </a:cxn>
                  <a:cxn ang="T84">
                    <a:pos x="T28" y="T29"/>
                  </a:cxn>
                  <a:cxn ang="T85">
                    <a:pos x="T30" y="T31"/>
                  </a:cxn>
                  <a:cxn ang="T86">
                    <a:pos x="T32" y="T33"/>
                  </a:cxn>
                  <a:cxn ang="T87">
                    <a:pos x="T34" y="T35"/>
                  </a:cxn>
                  <a:cxn ang="T88">
                    <a:pos x="T36" y="T37"/>
                  </a:cxn>
                  <a:cxn ang="T89">
                    <a:pos x="T38" y="T39"/>
                  </a:cxn>
                  <a:cxn ang="T90">
                    <a:pos x="T40" y="T41"/>
                  </a:cxn>
                  <a:cxn ang="T91">
                    <a:pos x="T42" y="T43"/>
                  </a:cxn>
                  <a:cxn ang="T92">
                    <a:pos x="T44" y="T45"/>
                  </a:cxn>
                  <a:cxn ang="T93">
                    <a:pos x="T46" y="T47"/>
                  </a:cxn>
                  <a:cxn ang="T94">
                    <a:pos x="T48" y="T49"/>
                  </a:cxn>
                  <a:cxn ang="T95">
                    <a:pos x="T50" y="T51"/>
                  </a:cxn>
                  <a:cxn ang="T96">
                    <a:pos x="T52" y="T53"/>
                  </a:cxn>
                  <a:cxn ang="T97">
                    <a:pos x="T54" y="T55"/>
                  </a:cxn>
                  <a:cxn ang="T98">
                    <a:pos x="T56" y="T57"/>
                  </a:cxn>
                  <a:cxn ang="T99">
                    <a:pos x="T58" y="T59"/>
                  </a:cxn>
                  <a:cxn ang="T100">
                    <a:pos x="T60" y="T61"/>
                  </a:cxn>
                  <a:cxn ang="T101">
                    <a:pos x="T62" y="T63"/>
                  </a:cxn>
                  <a:cxn ang="T102">
                    <a:pos x="T64" y="T65"/>
                  </a:cxn>
                  <a:cxn ang="T103">
                    <a:pos x="T66" y="T67"/>
                  </a:cxn>
                  <a:cxn ang="T104">
                    <a:pos x="T68" y="T69"/>
                  </a:cxn>
                </a:cxnLst>
                <a:rect l="0" t="0" r="r" b="b"/>
                <a:pathLst>
                  <a:path w="149" h="419">
                    <a:moveTo>
                      <a:pt x="29" y="96"/>
                    </a:moveTo>
                    <a:lnTo>
                      <a:pt x="41" y="126"/>
                    </a:lnTo>
                    <a:lnTo>
                      <a:pt x="29" y="161"/>
                    </a:lnTo>
                    <a:lnTo>
                      <a:pt x="47" y="149"/>
                    </a:lnTo>
                    <a:lnTo>
                      <a:pt x="53" y="347"/>
                    </a:lnTo>
                    <a:lnTo>
                      <a:pt x="65" y="371"/>
                    </a:lnTo>
                    <a:lnTo>
                      <a:pt x="65" y="377"/>
                    </a:lnTo>
                    <a:lnTo>
                      <a:pt x="65" y="389"/>
                    </a:lnTo>
                    <a:lnTo>
                      <a:pt x="77" y="395"/>
                    </a:lnTo>
                    <a:lnTo>
                      <a:pt x="101" y="407"/>
                    </a:lnTo>
                    <a:lnTo>
                      <a:pt x="125" y="413"/>
                    </a:lnTo>
                    <a:lnTo>
                      <a:pt x="149" y="419"/>
                    </a:lnTo>
                    <a:lnTo>
                      <a:pt x="125" y="395"/>
                    </a:lnTo>
                    <a:lnTo>
                      <a:pt x="77" y="365"/>
                    </a:lnTo>
                    <a:lnTo>
                      <a:pt x="77" y="353"/>
                    </a:lnTo>
                    <a:lnTo>
                      <a:pt x="83" y="329"/>
                    </a:lnTo>
                    <a:lnTo>
                      <a:pt x="83" y="293"/>
                    </a:lnTo>
                    <a:lnTo>
                      <a:pt x="83" y="257"/>
                    </a:lnTo>
                    <a:lnTo>
                      <a:pt x="83" y="221"/>
                    </a:lnTo>
                    <a:lnTo>
                      <a:pt x="77" y="185"/>
                    </a:lnTo>
                    <a:lnTo>
                      <a:pt x="65" y="155"/>
                    </a:lnTo>
                    <a:lnTo>
                      <a:pt x="59" y="143"/>
                    </a:lnTo>
                    <a:lnTo>
                      <a:pt x="53" y="137"/>
                    </a:lnTo>
                    <a:lnTo>
                      <a:pt x="53" y="120"/>
                    </a:lnTo>
                    <a:lnTo>
                      <a:pt x="53" y="108"/>
                    </a:lnTo>
                    <a:lnTo>
                      <a:pt x="47" y="90"/>
                    </a:lnTo>
                    <a:lnTo>
                      <a:pt x="35" y="54"/>
                    </a:lnTo>
                    <a:lnTo>
                      <a:pt x="23" y="18"/>
                    </a:lnTo>
                    <a:lnTo>
                      <a:pt x="17" y="6"/>
                    </a:lnTo>
                    <a:lnTo>
                      <a:pt x="17" y="0"/>
                    </a:lnTo>
                    <a:lnTo>
                      <a:pt x="0" y="6"/>
                    </a:lnTo>
                    <a:lnTo>
                      <a:pt x="6" y="114"/>
                    </a:lnTo>
                    <a:lnTo>
                      <a:pt x="29" y="96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50" name="Freeform 21">
                <a:extLst>
                  <a:ext uri="{FF2B5EF4-FFF2-40B4-BE49-F238E27FC236}">
                    <a16:creationId xmlns:a16="http://schemas.microsoft.com/office/drawing/2014/main" id="{F6A3BDA6-578A-C083-B81C-1F34FE5CC783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1140" y="2434"/>
                <a:ext cx="167" cy="138"/>
              </a:xfrm>
              <a:custGeom>
                <a:avLst/>
                <a:gdLst>
                  <a:gd name="T0" fmla="*/ 102 w 167"/>
                  <a:gd name="T1" fmla="*/ 18 h 138"/>
                  <a:gd name="T2" fmla="*/ 96 w 167"/>
                  <a:gd name="T3" fmla="*/ 12 h 138"/>
                  <a:gd name="T4" fmla="*/ 90 w 167"/>
                  <a:gd name="T5" fmla="*/ 0 h 138"/>
                  <a:gd name="T6" fmla="*/ 78 w 167"/>
                  <a:gd name="T7" fmla="*/ 0 h 138"/>
                  <a:gd name="T8" fmla="*/ 66 w 167"/>
                  <a:gd name="T9" fmla="*/ 0 h 138"/>
                  <a:gd name="T10" fmla="*/ 60 w 167"/>
                  <a:gd name="T11" fmla="*/ 0 h 138"/>
                  <a:gd name="T12" fmla="*/ 48 w 167"/>
                  <a:gd name="T13" fmla="*/ 6 h 138"/>
                  <a:gd name="T14" fmla="*/ 36 w 167"/>
                  <a:gd name="T15" fmla="*/ 12 h 138"/>
                  <a:gd name="T16" fmla="*/ 30 w 167"/>
                  <a:gd name="T17" fmla="*/ 12 h 138"/>
                  <a:gd name="T18" fmla="*/ 24 w 167"/>
                  <a:gd name="T19" fmla="*/ 24 h 138"/>
                  <a:gd name="T20" fmla="*/ 18 w 167"/>
                  <a:gd name="T21" fmla="*/ 42 h 138"/>
                  <a:gd name="T22" fmla="*/ 6 w 167"/>
                  <a:gd name="T23" fmla="*/ 66 h 138"/>
                  <a:gd name="T24" fmla="*/ 0 w 167"/>
                  <a:gd name="T25" fmla="*/ 72 h 138"/>
                  <a:gd name="T26" fmla="*/ 42 w 167"/>
                  <a:gd name="T27" fmla="*/ 30 h 138"/>
                  <a:gd name="T28" fmla="*/ 30 w 167"/>
                  <a:gd name="T29" fmla="*/ 66 h 138"/>
                  <a:gd name="T30" fmla="*/ 96 w 167"/>
                  <a:gd name="T31" fmla="*/ 36 h 138"/>
                  <a:gd name="T32" fmla="*/ 120 w 167"/>
                  <a:gd name="T33" fmla="*/ 78 h 138"/>
                  <a:gd name="T34" fmla="*/ 120 w 167"/>
                  <a:gd name="T35" fmla="*/ 54 h 138"/>
                  <a:gd name="T36" fmla="*/ 167 w 167"/>
                  <a:gd name="T37" fmla="*/ 138 h 138"/>
                  <a:gd name="T38" fmla="*/ 167 w 167"/>
                  <a:gd name="T39" fmla="*/ 120 h 138"/>
                  <a:gd name="T40" fmla="*/ 161 w 167"/>
                  <a:gd name="T41" fmla="*/ 102 h 138"/>
                  <a:gd name="T42" fmla="*/ 138 w 167"/>
                  <a:gd name="T43" fmla="*/ 60 h 138"/>
                  <a:gd name="T44" fmla="*/ 114 w 167"/>
                  <a:gd name="T45" fmla="*/ 30 h 138"/>
                  <a:gd name="T46" fmla="*/ 108 w 167"/>
                  <a:gd name="T47" fmla="*/ 24 h 138"/>
                  <a:gd name="T48" fmla="*/ 102 w 167"/>
                  <a:gd name="T49" fmla="*/ 18 h 138"/>
                  <a:gd name="T50" fmla="*/ 102 w 167"/>
                  <a:gd name="T51" fmla="*/ 18 h 138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  <a:gd name="T57" fmla="*/ 0 60000 65536"/>
                  <a:gd name="T58" fmla="*/ 0 60000 65536"/>
                  <a:gd name="T59" fmla="*/ 0 60000 65536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60000 65536"/>
                  <a:gd name="T76" fmla="*/ 0 60000 65536"/>
                  <a:gd name="T77" fmla="*/ 0 60000 65536"/>
                </a:gdLst>
                <a:ahLst/>
                <a:cxnLst>
                  <a:cxn ang="T52">
                    <a:pos x="T0" y="T1"/>
                  </a:cxn>
                  <a:cxn ang="T53">
                    <a:pos x="T2" y="T3"/>
                  </a:cxn>
                  <a:cxn ang="T54">
                    <a:pos x="T4" y="T5"/>
                  </a:cxn>
                  <a:cxn ang="T55">
                    <a:pos x="T6" y="T7"/>
                  </a:cxn>
                  <a:cxn ang="T56">
                    <a:pos x="T8" y="T9"/>
                  </a:cxn>
                  <a:cxn ang="T57">
                    <a:pos x="T10" y="T11"/>
                  </a:cxn>
                  <a:cxn ang="T58">
                    <a:pos x="T12" y="T13"/>
                  </a:cxn>
                  <a:cxn ang="T59">
                    <a:pos x="T14" y="T15"/>
                  </a:cxn>
                  <a:cxn ang="T60">
                    <a:pos x="T16" y="T17"/>
                  </a:cxn>
                  <a:cxn ang="T61">
                    <a:pos x="T18" y="T19"/>
                  </a:cxn>
                  <a:cxn ang="T62">
                    <a:pos x="T20" y="T21"/>
                  </a:cxn>
                  <a:cxn ang="T63">
                    <a:pos x="T22" y="T23"/>
                  </a:cxn>
                  <a:cxn ang="T64">
                    <a:pos x="T24" y="T25"/>
                  </a:cxn>
                  <a:cxn ang="T65">
                    <a:pos x="T26" y="T27"/>
                  </a:cxn>
                  <a:cxn ang="T66">
                    <a:pos x="T28" y="T29"/>
                  </a:cxn>
                  <a:cxn ang="T67">
                    <a:pos x="T30" y="T31"/>
                  </a:cxn>
                  <a:cxn ang="T68">
                    <a:pos x="T32" y="T33"/>
                  </a:cxn>
                  <a:cxn ang="T69">
                    <a:pos x="T34" y="T35"/>
                  </a:cxn>
                  <a:cxn ang="T70">
                    <a:pos x="T36" y="T37"/>
                  </a:cxn>
                  <a:cxn ang="T71">
                    <a:pos x="T38" y="T39"/>
                  </a:cxn>
                  <a:cxn ang="T72">
                    <a:pos x="T40" y="T41"/>
                  </a:cxn>
                  <a:cxn ang="T73">
                    <a:pos x="T42" y="T43"/>
                  </a:cxn>
                  <a:cxn ang="T74">
                    <a:pos x="T44" y="T45"/>
                  </a:cxn>
                  <a:cxn ang="T75">
                    <a:pos x="T46" y="T47"/>
                  </a:cxn>
                  <a:cxn ang="T76">
                    <a:pos x="T48" y="T49"/>
                  </a:cxn>
                  <a:cxn ang="T77">
                    <a:pos x="T50" y="T51"/>
                  </a:cxn>
                </a:cxnLst>
                <a:rect l="0" t="0" r="r" b="b"/>
                <a:pathLst>
                  <a:path w="167" h="138">
                    <a:moveTo>
                      <a:pt x="102" y="18"/>
                    </a:moveTo>
                    <a:lnTo>
                      <a:pt x="96" y="12"/>
                    </a:lnTo>
                    <a:lnTo>
                      <a:pt x="90" y="0"/>
                    </a:lnTo>
                    <a:lnTo>
                      <a:pt x="78" y="0"/>
                    </a:lnTo>
                    <a:lnTo>
                      <a:pt x="66" y="0"/>
                    </a:lnTo>
                    <a:lnTo>
                      <a:pt x="60" y="0"/>
                    </a:lnTo>
                    <a:lnTo>
                      <a:pt x="48" y="6"/>
                    </a:lnTo>
                    <a:lnTo>
                      <a:pt x="36" y="12"/>
                    </a:lnTo>
                    <a:lnTo>
                      <a:pt x="30" y="12"/>
                    </a:lnTo>
                    <a:lnTo>
                      <a:pt x="24" y="24"/>
                    </a:lnTo>
                    <a:lnTo>
                      <a:pt x="18" y="42"/>
                    </a:lnTo>
                    <a:lnTo>
                      <a:pt x="6" y="66"/>
                    </a:lnTo>
                    <a:lnTo>
                      <a:pt x="0" y="72"/>
                    </a:lnTo>
                    <a:lnTo>
                      <a:pt x="42" y="30"/>
                    </a:lnTo>
                    <a:lnTo>
                      <a:pt x="30" y="66"/>
                    </a:lnTo>
                    <a:lnTo>
                      <a:pt x="96" y="36"/>
                    </a:lnTo>
                    <a:lnTo>
                      <a:pt x="120" y="78"/>
                    </a:lnTo>
                    <a:lnTo>
                      <a:pt x="120" y="54"/>
                    </a:lnTo>
                    <a:lnTo>
                      <a:pt x="167" y="138"/>
                    </a:lnTo>
                    <a:lnTo>
                      <a:pt x="167" y="120"/>
                    </a:lnTo>
                    <a:lnTo>
                      <a:pt x="161" y="102"/>
                    </a:lnTo>
                    <a:lnTo>
                      <a:pt x="138" y="60"/>
                    </a:lnTo>
                    <a:lnTo>
                      <a:pt x="114" y="30"/>
                    </a:lnTo>
                    <a:lnTo>
                      <a:pt x="108" y="24"/>
                    </a:lnTo>
                    <a:lnTo>
                      <a:pt x="102" y="18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51" name="Freeform 22">
                <a:extLst>
                  <a:ext uri="{FF2B5EF4-FFF2-40B4-BE49-F238E27FC236}">
                    <a16:creationId xmlns:a16="http://schemas.microsoft.com/office/drawing/2014/main" id="{26D34A95-58EF-117E-9503-AEC97A9AC9EB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948" y="2314"/>
                <a:ext cx="113" cy="114"/>
              </a:xfrm>
              <a:custGeom>
                <a:avLst/>
                <a:gdLst>
                  <a:gd name="T0" fmla="*/ 0 w 113"/>
                  <a:gd name="T1" fmla="*/ 0 h 114"/>
                  <a:gd name="T2" fmla="*/ 6 w 113"/>
                  <a:gd name="T3" fmla="*/ 0 h 114"/>
                  <a:gd name="T4" fmla="*/ 24 w 113"/>
                  <a:gd name="T5" fmla="*/ 6 h 114"/>
                  <a:gd name="T6" fmla="*/ 48 w 113"/>
                  <a:gd name="T7" fmla="*/ 18 h 114"/>
                  <a:gd name="T8" fmla="*/ 71 w 113"/>
                  <a:gd name="T9" fmla="*/ 36 h 114"/>
                  <a:gd name="T10" fmla="*/ 83 w 113"/>
                  <a:gd name="T11" fmla="*/ 48 h 114"/>
                  <a:gd name="T12" fmla="*/ 95 w 113"/>
                  <a:gd name="T13" fmla="*/ 66 h 114"/>
                  <a:gd name="T14" fmla="*/ 107 w 113"/>
                  <a:gd name="T15" fmla="*/ 90 h 114"/>
                  <a:gd name="T16" fmla="*/ 113 w 113"/>
                  <a:gd name="T17" fmla="*/ 114 h 114"/>
                  <a:gd name="T18" fmla="*/ 83 w 113"/>
                  <a:gd name="T19" fmla="*/ 66 h 114"/>
                  <a:gd name="T20" fmla="*/ 60 w 113"/>
                  <a:gd name="T21" fmla="*/ 78 h 114"/>
                  <a:gd name="T22" fmla="*/ 71 w 113"/>
                  <a:gd name="T23" fmla="*/ 54 h 114"/>
                  <a:gd name="T24" fmla="*/ 12 w 113"/>
                  <a:gd name="T25" fmla="*/ 78 h 114"/>
                  <a:gd name="T26" fmla="*/ 60 w 113"/>
                  <a:gd name="T27" fmla="*/ 48 h 114"/>
                  <a:gd name="T28" fmla="*/ 60 w 113"/>
                  <a:gd name="T29" fmla="*/ 42 h 114"/>
                  <a:gd name="T30" fmla="*/ 54 w 113"/>
                  <a:gd name="T31" fmla="*/ 30 h 114"/>
                  <a:gd name="T32" fmla="*/ 36 w 113"/>
                  <a:gd name="T33" fmla="*/ 18 h 114"/>
                  <a:gd name="T34" fmla="*/ 0 w 113"/>
                  <a:gd name="T35" fmla="*/ 0 h 114"/>
                  <a:gd name="T36" fmla="*/ 0 w 113"/>
                  <a:gd name="T37" fmla="*/ 0 h 114"/>
                  <a:gd name="T38" fmla="*/ 0 60000 65536"/>
                  <a:gd name="T39" fmla="*/ 0 60000 65536"/>
                  <a:gd name="T40" fmla="*/ 0 60000 65536"/>
                  <a:gd name="T41" fmla="*/ 0 60000 65536"/>
                  <a:gd name="T42" fmla="*/ 0 60000 65536"/>
                  <a:gd name="T43" fmla="*/ 0 60000 65536"/>
                  <a:gd name="T44" fmla="*/ 0 60000 65536"/>
                  <a:gd name="T45" fmla="*/ 0 60000 65536"/>
                  <a:gd name="T46" fmla="*/ 0 60000 65536"/>
                  <a:gd name="T47" fmla="*/ 0 60000 65536"/>
                  <a:gd name="T48" fmla="*/ 0 60000 65536"/>
                  <a:gd name="T49" fmla="*/ 0 60000 65536"/>
                  <a:gd name="T50" fmla="*/ 0 60000 65536"/>
                  <a:gd name="T51" fmla="*/ 0 60000 65536"/>
                  <a:gd name="T52" fmla="*/ 0 60000 65536"/>
                  <a:gd name="T53" fmla="*/ 0 60000 65536"/>
                  <a:gd name="T54" fmla="*/ 0 60000 65536"/>
                  <a:gd name="T55" fmla="*/ 0 60000 65536"/>
                  <a:gd name="T56" fmla="*/ 0 60000 65536"/>
                </a:gdLst>
                <a:ahLst/>
                <a:cxnLst>
                  <a:cxn ang="T38">
                    <a:pos x="T0" y="T1"/>
                  </a:cxn>
                  <a:cxn ang="T39">
                    <a:pos x="T2" y="T3"/>
                  </a:cxn>
                  <a:cxn ang="T40">
                    <a:pos x="T4" y="T5"/>
                  </a:cxn>
                  <a:cxn ang="T41">
                    <a:pos x="T6" y="T7"/>
                  </a:cxn>
                  <a:cxn ang="T42">
                    <a:pos x="T8" y="T9"/>
                  </a:cxn>
                  <a:cxn ang="T43">
                    <a:pos x="T10" y="T11"/>
                  </a:cxn>
                  <a:cxn ang="T44">
                    <a:pos x="T12" y="T13"/>
                  </a:cxn>
                  <a:cxn ang="T45">
                    <a:pos x="T14" y="T15"/>
                  </a:cxn>
                  <a:cxn ang="T46">
                    <a:pos x="T16" y="T17"/>
                  </a:cxn>
                  <a:cxn ang="T47">
                    <a:pos x="T18" y="T19"/>
                  </a:cxn>
                  <a:cxn ang="T48">
                    <a:pos x="T20" y="T21"/>
                  </a:cxn>
                  <a:cxn ang="T49">
                    <a:pos x="T22" y="T23"/>
                  </a:cxn>
                  <a:cxn ang="T50">
                    <a:pos x="T24" y="T25"/>
                  </a:cxn>
                  <a:cxn ang="T51">
                    <a:pos x="T26" y="T27"/>
                  </a:cxn>
                  <a:cxn ang="T52">
                    <a:pos x="T28" y="T29"/>
                  </a:cxn>
                  <a:cxn ang="T53">
                    <a:pos x="T30" y="T31"/>
                  </a:cxn>
                  <a:cxn ang="T54">
                    <a:pos x="T32" y="T33"/>
                  </a:cxn>
                  <a:cxn ang="T55">
                    <a:pos x="T34" y="T35"/>
                  </a:cxn>
                  <a:cxn ang="T56">
                    <a:pos x="T36" y="T37"/>
                  </a:cxn>
                </a:cxnLst>
                <a:rect l="0" t="0" r="r" b="b"/>
                <a:pathLst>
                  <a:path w="113" h="114">
                    <a:moveTo>
                      <a:pt x="0" y="0"/>
                    </a:moveTo>
                    <a:lnTo>
                      <a:pt x="6" y="0"/>
                    </a:lnTo>
                    <a:lnTo>
                      <a:pt x="24" y="6"/>
                    </a:lnTo>
                    <a:lnTo>
                      <a:pt x="48" y="18"/>
                    </a:lnTo>
                    <a:lnTo>
                      <a:pt x="71" y="36"/>
                    </a:lnTo>
                    <a:lnTo>
                      <a:pt x="83" y="48"/>
                    </a:lnTo>
                    <a:lnTo>
                      <a:pt x="95" y="66"/>
                    </a:lnTo>
                    <a:lnTo>
                      <a:pt x="107" y="90"/>
                    </a:lnTo>
                    <a:lnTo>
                      <a:pt x="113" y="114"/>
                    </a:lnTo>
                    <a:lnTo>
                      <a:pt x="83" y="66"/>
                    </a:lnTo>
                    <a:lnTo>
                      <a:pt x="60" y="78"/>
                    </a:lnTo>
                    <a:lnTo>
                      <a:pt x="71" y="54"/>
                    </a:lnTo>
                    <a:lnTo>
                      <a:pt x="12" y="78"/>
                    </a:lnTo>
                    <a:lnTo>
                      <a:pt x="60" y="48"/>
                    </a:lnTo>
                    <a:lnTo>
                      <a:pt x="60" y="42"/>
                    </a:lnTo>
                    <a:lnTo>
                      <a:pt x="54" y="30"/>
                    </a:lnTo>
                    <a:lnTo>
                      <a:pt x="36" y="18"/>
                    </a:lnTo>
                    <a:lnTo>
                      <a:pt x="0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52" name="Freeform 23">
                <a:extLst>
                  <a:ext uri="{FF2B5EF4-FFF2-40B4-BE49-F238E27FC236}">
                    <a16:creationId xmlns:a16="http://schemas.microsoft.com/office/drawing/2014/main" id="{BD0A9213-C0C6-C090-3794-B81F347C8811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1122" y="2578"/>
                <a:ext cx="66" cy="60"/>
              </a:xfrm>
              <a:custGeom>
                <a:avLst/>
                <a:gdLst>
                  <a:gd name="T0" fmla="*/ 54 w 66"/>
                  <a:gd name="T1" fmla="*/ 0 h 60"/>
                  <a:gd name="T2" fmla="*/ 42 w 66"/>
                  <a:gd name="T3" fmla="*/ 18 h 60"/>
                  <a:gd name="T4" fmla="*/ 36 w 66"/>
                  <a:gd name="T5" fmla="*/ 6 h 60"/>
                  <a:gd name="T6" fmla="*/ 24 w 66"/>
                  <a:gd name="T7" fmla="*/ 30 h 60"/>
                  <a:gd name="T8" fmla="*/ 18 w 66"/>
                  <a:gd name="T9" fmla="*/ 36 h 60"/>
                  <a:gd name="T10" fmla="*/ 6 w 66"/>
                  <a:gd name="T11" fmla="*/ 48 h 60"/>
                  <a:gd name="T12" fmla="*/ 0 w 66"/>
                  <a:gd name="T13" fmla="*/ 60 h 60"/>
                  <a:gd name="T14" fmla="*/ 12 w 66"/>
                  <a:gd name="T15" fmla="*/ 54 h 60"/>
                  <a:gd name="T16" fmla="*/ 30 w 66"/>
                  <a:gd name="T17" fmla="*/ 36 h 60"/>
                  <a:gd name="T18" fmla="*/ 54 w 66"/>
                  <a:gd name="T19" fmla="*/ 18 h 60"/>
                  <a:gd name="T20" fmla="*/ 66 w 66"/>
                  <a:gd name="T21" fmla="*/ 6 h 60"/>
                  <a:gd name="T22" fmla="*/ 54 w 66"/>
                  <a:gd name="T23" fmla="*/ 0 h 60"/>
                  <a:gd name="T24" fmla="*/ 54 w 66"/>
                  <a:gd name="T25" fmla="*/ 0 h 60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</a:gdLst>
                <a:ahLst/>
                <a:cxnLst>
                  <a:cxn ang="T26">
                    <a:pos x="T0" y="T1"/>
                  </a:cxn>
                  <a:cxn ang="T27">
                    <a:pos x="T2" y="T3"/>
                  </a:cxn>
                  <a:cxn ang="T28">
                    <a:pos x="T4" y="T5"/>
                  </a:cxn>
                  <a:cxn ang="T29">
                    <a:pos x="T6" y="T7"/>
                  </a:cxn>
                  <a:cxn ang="T30">
                    <a:pos x="T8" y="T9"/>
                  </a:cxn>
                  <a:cxn ang="T31">
                    <a:pos x="T10" y="T11"/>
                  </a:cxn>
                  <a:cxn ang="T32">
                    <a:pos x="T12" y="T13"/>
                  </a:cxn>
                  <a:cxn ang="T33">
                    <a:pos x="T14" y="T15"/>
                  </a:cxn>
                  <a:cxn ang="T34">
                    <a:pos x="T16" y="T17"/>
                  </a:cxn>
                  <a:cxn ang="T35">
                    <a:pos x="T18" y="T19"/>
                  </a:cxn>
                  <a:cxn ang="T36">
                    <a:pos x="T20" y="T21"/>
                  </a:cxn>
                  <a:cxn ang="T37">
                    <a:pos x="T22" y="T23"/>
                  </a:cxn>
                  <a:cxn ang="T38">
                    <a:pos x="T24" y="T25"/>
                  </a:cxn>
                </a:cxnLst>
                <a:rect l="0" t="0" r="r" b="b"/>
                <a:pathLst>
                  <a:path w="66" h="60">
                    <a:moveTo>
                      <a:pt x="54" y="0"/>
                    </a:moveTo>
                    <a:lnTo>
                      <a:pt x="42" y="18"/>
                    </a:lnTo>
                    <a:lnTo>
                      <a:pt x="36" y="6"/>
                    </a:lnTo>
                    <a:lnTo>
                      <a:pt x="24" y="30"/>
                    </a:lnTo>
                    <a:lnTo>
                      <a:pt x="18" y="36"/>
                    </a:lnTo>
                    <a:lnTo>
                      <a:pt x="6" y="48"/>
                    </a:lnTo>
                    <a:lnTo>
                      <a:pt x="0" y="60"/>
                    </a:lnTo>
                    <a:lnTo>
                      <a:pt x="12" y="54"/>
                    </a:lnTo>
                    <a:lnTo>
                      <a:pt x="30" y="36"/>
                    </a:lnTo>
                    <a:lnTo>
                      <a:pt x="54" y="18"/>
                    </a:lnTo>
                    <a:lnTo>
                      <a:pt x="66" y="6"/>
                    </a:lnTo>
                    <a:lnTo>
                      <a:pt x="54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53" name="Freeform 24">
                <a:extLst>
                  <a:ext uri="{FF2B5EF4-FFF2-40B4-BE49-F238E27FC236}">
                    <a16:creationId xmlns:a16="http://schemas.microsoft.com/office/drawing/2014/main" id="{64EAFB16-4663-771A-75A2-BF81E2FEB8EE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942" y="2674"/>
                <a:ext cx="161" cy="179"/>
              </a:xfrm>
              <a:custGeom>
                <a:avLst/>
                <a:gdLst>
                  <a:gd name="T0" fmla="*/ 131 w 161"/>
                  <a:gd name="T1" fmla="*/ 53 h 179"/>
                  <a:gd name="T2" fmla="*/ 137 w 161"/>
                  <a:gd name="T3" fmla="*/ 53 h 179"/>
                  <a:gd name="T4" fmla="*/ 143 w 161"/>
                  <a:gd name="T5" fmla="*/ 41 h 179"/>
                  <a:gd name="T6" fmla="*/ 155 w 161"/>
                  <a:gd name="T7" fmla="*/ 35 h 179"/>
                  <a:gd name="T8" fmla="*/ 161 w 161"/>
                  <a:gd name="T9" fmla="*/ 24 h 179"/>
                  <a:gd name="T10" fmla="*/ 161 w 161"/>
                  <a:gd name="T11" fmla="*/ 12 h 179"/>
                  <a:gd name="T12" fmla="*/ 161 w 161"/>
                  <a:gd name="T13" fmla="*/ 0 h 179"/>
                  <a:gd name="T14" fmla="*/ 149 w 161"/>
                  <a:gd name="T15" fmla="*/ 24 h 179"/>
                  <a:gd name="T16" fmla="*/ 143 w 161"/>
                  <a:gd name="T17" fmla="*/ 35 h 179"/>
                  <a:gd name="T18" fmla="*/ 131 w 161"/>
                  <a:gd name="T19" fmla="*/ 35 h 179"/>
                  <a:gd name="T20" fmla="*/ 119 w 161"/>
                  <a:gd name="T21" fmla="*/ 41 h 179"/>
                  <a:gd name="T22" fmla="*/ 125 w 161"/>
                  <a:gd name="T23" fmla="*/ 53 h 179"/>
                  <a:gd name="T24" fmla="*/ 95 w 161"/>
                  <a:gd name="T25" fmla="*/ 95 h 179"/>
                  <a:gd name="T26" fmla="*/ 0 w 161"/>
                  <a:gd name="T27" fmla="*/ 137 h 179"/>
                  <a:gd name="T28" fmla="*/ 60 w 161"/>
                  <a:gd name="T29" fmla="*/ 119 h 179"/>
                  <a:gd name="T30" fmla="*/ 54 w 161"/>
                  <a:gd name="T31" fmla="*/ 125 h 179"/>
                  <a:gd name="T32" fmla="*/ 48 w 161"/>
                  <a:gd name="T33" fmla="*/ 131 h 179"/>
                  <a:gd name="T34" fmla="*/ 24 w 161"/>
                  <a:gd name="T35" fmla="*/ 155 h 179"/>
                  <a:gd name="T36" fmla="*/ 12 w 161"/>
                  <a:gd name="T37" fmla="*/ 167 h 179"/>
                  <a:gd name="T38" fmla="*/ 0 w 161"/>
                  <a:gd name="T39" fmla="*/ 173 h 179"/>
                  <a:gd name="T40" fmla="*/ 0 w 161"/>
                  <a:gd name="T41" fmla="*/ 179 h 179"/>
                  <a:gd name="T42" fmla="*/ 6 w 161"/>
                  <a:gd name="T43" fmla="*/ 173 h 179"/>
                  <a:gd name="T44" fmla="*/ 30 w 161"/>
                  <a:gd name="T45" fmla="*/ 155 h 179"/>
                  <a:gd name="T46" fmla="*/ 48 w 161"/>
                  <a:gd name="T47" fmla="*/ 143 h 179"/>
                  <a:gd name="T48" fmla="*/ 71 w 161"/>
                  <a:gd name="T49" fmla="*/ 125 h 179"/>
                  <a:gd name="T50" fmla="*/ 95 w 161"/>
                  <a:gd name="T51" fmla="*/ 107 h 179"/>
                  <a:gd name="T52" fmla="*/ 119 w 161"/>
                  <a:gd name="T53" fmla="*/ 77 h 179"/>
                  <a:gd name="T54" fmla="*/ 131 w 161"/>
                  <a:gd name="T55" fmla="*/ 59 h 179"/>
                  <a:gd name="T56" fmla="*/ 131 w 161"/>
                  <a:gd name="T57" fmla="*/ 53 h 179"/>
                  <a:gd name="T58" fmla="*/ 131 w 161"/>
                  <a:gd name="T59" fmla="*/ 53 h 179"/>
                  <a:gd name="T60" fmla="*/ 0 60000 65536"/>
                  <a:gd name="T61" fmla="*/ 0 60000 65536"/>
                  <a:gd name="T62" fmla="*/ 0 60000 65536"/>
                  <a:gd name="T63" fmla="*/ 0 60000 65536"/>
                  <a:gd name="T64" fmla="*/ 0 60000 65536"/>
                  <a:gd name="T65" fmla="*/ 0 60000 65536"/>
                  <a:gd name="T66" fmla="*/ 0 60000 65536"/>
                  <a:gd name="T67" fmla="*/ 0 60000 65536"/>
                  <a:gd name="T68" fmla="*/ 0 60000 65536"/>
                  <a:gd name="T69" fmla="*/ 0 60000 65536"/>
                  <a:gd name="T70" fmla="*/ 0 60000 65536"/>
                  <a:gd name="T71" fmla="*/ 0 60000 65536"/>
                  <a:gd name="T72" fmla="*/ 0 60000 65536"/>
                  <a:gd name="T73" fmla="*/ 0 60000 65536"/>
                  <a:gd name="T74" fmla="*/ 0 60000 65536"/>
                  <a:gd name="T75" fmla="*/ 0 60000 65536"/>
                  <a:gd name="T76" fmla="*/ 0 60000 65536"/>
                  <a:gd name="T77" fmla="*/ 0 60000 65536"/>
                  <a:gd name="T78" fmla="*/ 0 60000 65536"/>
                  <a:gd name="T79" fmla="*/ 0 60000 65536"/>
                  <a:gd name="T80" fmla="*/ 0 60000 65536"/>
                  <a:gd name="T81" fmla="*/ 0 60000 65536"/>
                  <a:gd name="T82" fmla="*/ 0 60000 65536"/>
                  <a:gd name="T83" fmla="*/ 0 60000 65536"/>
                  <a:gd name="T84" fmla="*/ 0 60000 65536"/>
                  <a:gd name="T85" fmla="*/ 0 60000 65536"/>
                  <a:gd name="T86" fmla="*/ 0 60000 65536"/>
                  <a:gd name="T87" fmla="*/ 0 60000 65536"/>
                  <a:gd name="T88" fmla="*/ 0 60000 65536"/>
                  <a:gd name="T89" fmla="*/ 0 60000 65536"/>
                </a:gdLst>
                <a:ahLst/>
                <a:cxnLst>
                  <a:cxn ang="T60">
                    <a:pos x="T0" y="T1"/>
                  </a:cxn>
                  <a:cxn ang="T61">
                    <a:pos x="T2" y="T3"/>
                  </a:cxn>
                  <a:cxn ang="T62">
                    <a:pos x="T4" y="T5"/>
                  </a:cxn>
                  <a:cxn ang="T63">
                    <a:pos x="T6" y="T7"/>
                  </a:cxn>
                  <a:cxn ang="T64">
                    <a:pos x="T8" y="T9"/>
                  </a:cxn>
                  <a:cxn ang="T65">
                    <a:pos x="T10" y="T11"/>
                  </a:cxn>
                  <a:cxn ang="T66">
                    <a:pos x="T12" y="T13"/>
                  </a:cxn>
                  <a:cxn ang="T67">
                    <a:pos x="T14" y="T15"/>
                  </a:cxn>
                  <a:cxn ang="T68">
                    <a:pos x="T16" y="T17"/>
                  </a:cxn>
                  <a:cxn ang="T69">
                    <a:pos x="T18" y="T19"/>
                  </a:cxn>
                  <a:cxn ang="T70">
                    <a:pos x="T20" y="T21"/>
                  </a:cxn>
                  <a:cxn ang="T71">
                    <a:pos x="T22" y="T23"/>
                  </a:cxn>
                  <a:cxn ang="T72">
                    <a:pos x="T24" y="T25"/>
                  </a:cxn>
                  <a:cxn ang="T73">
                    <a:pos x="T26" y="T27"/>
                  </a:cxn>
                  <a:cxn ang="T74">
                    <a:pos x="T28" y="T29"/>
                  </a:cxn>
                  <a:cxn ang="T75">
                    <a:pos x="T30" y="T31"/>
                  </a:cxn>
                  <a:cxn ang="T76">
                    <a:pos x="T32" y="T33"/>
                  </a:cxn>
                  <a:cxn ang="T77">
                    <a:pos x="T34" y="T35"/>
                  </a:cxn>
                  <a:cxn ang="T78">
                    <a:pos x="T36" y="T37"/>
                  </a:cxn>
                  <a:cxn ang="T79">
                    <a:pos x="T38" y="T39"/>
                  </a:cxn>
                  <a:cxn ang="T80">
                    <a:pos x="T40" y="T41"/>
                  </a:cxn>
                  <a:cxn ang="T81">
                    <a:pos x="T42" y="T43"/>
                  </a:cxn>
                  <a:cxn ang="T82">
                    <a:pos x="T44" y="T45"/>
                  </a:cxn>
                  <a:cxn ang="T83">
                    <a:pos x="T46" y="T47"/>
                  </a:cxn>
                  <a:cxn ang="T84">
                    <a:pos x="T48" y="T49"/>
                  </a:cxn>
                  <a:cxn ang="T85">
                    <a:pos x="T50" y="T51"/>
                  </a:cxn>
                  <a:cxn ang="T86">
                    <a:pos x="T52" y="T53"/>
                  </a:cxn>
                  <a:cxn ang="T87">
                    <a:pos x="T54" y="T55"/>
                  </a:cxn>
                  <a:cxn ang="T88">
                    <a:pos x="T56" y="T57"/>
                  </a:cxn>
                  <a:cxn ang="T89">
                    <a:pos x="T58" y="T59"/>
                  </a:cxn>
                </a:cxnLst>
                <a:rect l="0" t="0" r="r" b="b"/>
                <a:pathLst>
                  <a:path w="161" h="179">
                    <a:moveTo>
                      <a:pt x="131" y="53"/>
                    </a:moveTo>
                    <a:lnTo>
                      <a:pt x="137" y="53"/>
                    </a:lnTo>
                    <a:lnTo>
                      <a:pt x="143" y="41"/>
                    </a:lnTo>
                    <a:lnTo>
                      <a:pt x="155" y="35"/>
                    </a:lnTo>
                    <a:lnTo>
                      <a:pt x="161" y="24"/>
                    </a:lnTo>
                    <a:lnTo>
                      <a:pt x="161" y="12"/>
                    </a:lnTo>
                    <a:lnTo>
                      <a:pt x="161" y="0"/>
                    </a:lnTo>
                    <a:lnTo>
                      <a:pt x="149" y="24"/>
                    </a:lnTo>
                    <a:lnTo>
                      <a:pt x="143" y="35"/>
                    </a:lnTo>
                    <a:lnTo>
                      <a:pt x="131" y="35"/>
                    </a:lnTo>
                    <a:lnTo>
                      <a:pt x="119" y="41"/>
                    </a:lnTo>
                    <a:lnTo>
                      <a:pt x="125" y="53"/>
                    </a:lnTo>
                    <a:lnTo>
                      <a:pt x="95" y="95"/>
                    </a:lnTo>
                    <a:lnTo>
                      <a:pt x="0" y="137"/>
                    </a:lnTo>
                    <a:lnTo>
                      <a:pt x="60" y="119"/>
                    </a:lnTo>
                    <a:lnTo>
                      <a:pt x="54" y="125"/>
                    </a:lnTo>
                    <a:lnTo>
                      <a:pt x="48" y="131"/>
                    </a:lnTo>
                    <a:lnTo>
                      <a:pt x="24" y="155"/>
                    </a:lnTo>
                    <a:lnTo>
                      <a:pt x="12" y="167"/>
                    </a:lnTo>
                    <a:lnTo>
                      <a:pt x="0" y="173"/>
                    </a:lnTo>
                    <a:lnTo>
                      <a:pt x="0" y="179"/>
                    </a:lnTo>
                    <a:lnTo>
                      <a:pt x="6" y="173"/>
                    </a:lnTo>
                    <a:lnTo>
                      <a:pt x="30" y="155"/>
                    </a:lnTo>
                    <a:lnTo>
                      <a:pt x="48" y="143"/>
                    </a:lnTo>
                    <a:lnTo>
                      <a:pt x="71" y="125"/>
                    </a:lnTo>
                    <a:lnTo>
                      <a:pt x="95" y="107"/>
                    </a:lnTo>
                    <a:lnTo>
                      <a:pt x="119" y="77"/>
                    </a:lnTo>
                    <a:lnTo>
                      <a:pt x="131" y="59"/>
                    </a:lnTo>
                    <a:lnTo>
                      <a:pt x="131" y="53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54" name="Freeform 25">
                <a:extLst>
                  <a:ext uri="{FF2B5EF4-FFF2-40B4-BE49-F238E27FC236}">
                    <a16:creationId xmlns:a16="http://schemas.microsoft.com/office/drawing/2014/main" id="{ABA24FD9-A50A-48CE-A231-665D0A9B50BC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737" y="2763"/>
                <a:ext cx="73" cy="54"/>
              </a:xfrm>
              <a:custGeom>
                <a:avLst/>
                <a:gdLst>
                  <a:gd name="T0" fmla="*/ 24 w 72"/>
                  <a:gd name="T1" fmla="*/ 36 h 54"/>
                  <a:gd name="T2" fmla="*/ 73 w 72"/>
                  <a:gd name="T3" fmla="*/ 24 h 54"/>
                  <a:gd name="T4" fmla="*/ 85 w 72"/>
                  <a:gd name="T5" fmla="*/ 12 h 54"/>
                  <a:gd name="T6" fmla="*/ 91 w 72"/>
                  <a:gd name="T7" fmla="*/ 6 h 54"/>
                  <a:gd name="T8" fmla="*/ 97 w 72"/>
                  <a:gd name="T9" fmla="*/ 0 h 54"/>
                  <a:gd name="T10" fmla="*/ 67 w 72"/>
                  <a:gd name="T11" fmla="*/ 18 h 54"/>
                  <a:gd name="T12" fmla="*/ 30 w 72"/>
                  <a:gd name="T13" fmla="*/ 24 h 54"/>
                  <a:gd name="T14" fmla="*/ 24 w 72"/>
                  <a:gd name="T15" fmla="*/ 24 h 54"/>
                  <a:gd name="T16" fmla="*/ 18 w 72"/>
                  <a:gd name="T17" fmla="*/ 18 h 54"/>
                  <a:gd name="T18" fmla="*/ 12 w 72"/>
                  <a:gd name="T19" fmla="*/ 12 h 54"/>
                  <a:gd name="T20" fmla="*/ 0 w 72"/>
                  <a:gd name="T21" fmla="*/ 54 h 54"/>
                  <a:gd name="T22" fmla="*/ 12 w 72"/>
                  <a:gd name="T23" fmla="*/ 42 h 54"/>
                  <a:gd name="T24" fmla="*/ 24 w 72"/>
                  <a:gd name="T25" fmla="*/ 36 h 54"/>
                  <a:gd name="T26" fmla="*/ 24 w 72"/>
                  <a:gd name="T27" fmla="*/ 36 h 54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  <a:gd name="T39" fmla="*/ 0 60000 65536"/>
                  <a:gd name="T40" fmla="*/ 0 60000 65536"/>
                  <a:gd name="T41" fmla="*/ 0 60000 65536"/>
                </a:gdLst>
                <a:ahLst/>
                <a:cxnLst>
                  <a:cxn ang="T28">
                    <a:pos x="T0" y="T1"/>
                  </a:cxn>
                  <a:cxn ang="T29">
                    <a:pos x="T2" y="T3"/>
                  </a:cxn>
                  <a:cxn ang="T30">
                    <a:pos x="T4" y="T5"/>
                  </a:cxn>
                  <a:cxn ang="T31">
                    <a:pos x="T6" y="T7"/>
                  </a:cxn>
                  <a:cxn ang="T32">
                    <a:pos x="T8" y="T9"/>
                  </a:cxn>
                  <a:cxn ang="T33">
                    <a:pos x="T10" y="T11"/>
                  </a:cxn>
                  <a:cxn ang="T34">
                    <a:pos x="T12" y="T13"/>
                  </a:cxn>
                  <a:cxn ang="T35">
                    <a:pos x="T14" y="T15"/>
                  </a:cxn>
                  <a:cxn ang="T36">
                    <a:pos x="T16" y="T17"/>
                  </a:cxn>
                  <a:cxn ang="T37">
                    <a:pos x="T18" y="T19"/>
                  </a:cxn>
                  <a:cxn ang="T38">
                    <a:pos x="T20" y="T21"/>
                  </a:cxn>
                  <a:cxn ang="T39">
                    <a:pos x="T22" y="T23"/>
                  </a:cxn>
                  <a:cxn ang="T40">
                    <a:pos x="T24" y="T25"/>
                  </a:cxn>
                  <a:cxn ang="T41">
                    <a:pos x="T26" y="T27"/>
                  </a:cxn>
                </a:cxnLst>
                <a:rect l="0" t="0" r="r" b="b"/>
                <a:pathLst>
                  <a:path w="72" h="54">
                    <a:moveTo>
                      <a:pt x="24" y="36"/>
                    </a:moveTo>
                    <a:lnTo>
                      <a:pt x="48" y="24"/>
                    </a:lnTo>
                    <a:lnTo>
                      <a:pt x="60" y="12"/>
                    </a:lnTo>
                    <a:lnTo>
                      <a:pt x="66" y="6"/>
                    </a:lnTo>
                    <a:lnTo>
                      <a:pt x="72" y="0"/>
                    </a:lnTo>
                    <a:lnTo>
                      <a:pt x="42" y="18"/>
                    </a:lnTo>
                    <a:lnTo>
                      <a:pt x="30" y="24"/>
                    </a:lnTo>
                    <a:lnTo>
                      <a:pt x="24" y="24"/>
                    </a:lnTo>
                    <a:lnTo>
                      <a:pt x="18" y="18"/>
                    </a:lnTo>
                    <a:lnTo>
                      <a:pt x="12" y="12"/>
                    </a:lnTo>
                    <a:lnTo>
                      <a:pt x="0" y="54"/>
                    </a:lnTo>
                    <a:lnTo>
                      <a:pt x="12" y="42"/>
                    </a:lnTo>
                    <a:lnTo>
                      <a:pt x="24" y="36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55" name="Freeform 26">
                <a:extLst>
                  <a:ext uri="{FF2B5EF4-FFF2-40B4-BE49-F238E27FC236}">
                    <a16:creationId xmlns:a16="http://schemas.microsoft.com/office/drawing/2014/main" id="{4F9F5102-441A-3C39-CA2D-9F0701CCA0B1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624" y="2889"/>
                <a:ext cx="12" cy="54"/>
              </a:xfrm>
              <a:custGeom>
                <a:avLst/>
                <a:gdLst>
                  <a:gd name="T0" fmla="*/ 12 w 12"/>
                  <a:gd name="T1" fmla="*/ 0 h 54"/>
                  <a:gd name="T2" fmla="*/ 0 w 12"/>
                  <a:gd name="T3" fmla="*/ 12 h 54"/>
                  <a:gd name="T4" fmla="*/ 0 w 12"/>
                  <a:gd name="T5" fmla="*/ 18 h 54"/>
                  <a:gd name="T6" fmla="*/ 6 w 12"/>
                  <a:gd name="T7" fmla="*/ 54 h 54"/>
                  <a:gd name="T8" fmla="*/ 12 w 12"/>
                  <a:gd name="T9" fmla="*/ 36 h 54"/>
                  <a:gd name="T10" fmla="*/ 12 w 12"/>
                  <a:gd name="T11" fmla="*/ 18 h 54"/>
                  <a:gd name="T12" fmla="*/ 12 w 12"/>
                  <a:gd name="T13" fmla="*/ 6 h 54"/>
                  <a:gd name="T14" fmla="*/ 12 w 12"/>
                  <a:gd name="T15" fmla="*/ 0 h 54"/>
                  <a:gd name="T16" fmla="*/ 12 w 12"/>
                  <a:gd name="T17" fmla="*/ 0 h 54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12" h="54">
                    <a:moveTo>
                      <a:pt x="12" y="0"/>
                    </a:moveTo>
                    <a:lnTo>
                      <a:pt x="0" y="12"/>
                    </a:lnTo>
                    <a:lnTo>
                      <a:pt x="0" y="18"/>
                    </a:lnTo>
                    <a:lnTo>
                      <a:pt x="6" y="54"/>
                    </a:lnTo>
                    <a:lnTo>
                      <a:pt x="12" y="36"/>
                    </a:lnTo>
                    <a:lnTo>
                      <a:pt x="12" y="18"/>
                    </a:lnTo>
                    <a:lnTo>
                      <a:pt x="12" y="6"/>
                    </a:lnTo>
                    <a:lnTo>
                      <a:pt x="12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56" name="Freeform 27">
                <a:extLst>
                  <a:ext uri="{FF2B5EF4-FFF2-40B4-BE49-F238E27FC236}">
                    <a16:creationId xmlns:a16="http://schemas.microsoft.com/office/drawing/2014/main" id="{E3EF5168-1A25-C6C4-2C07-8A1B12EBDC15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492" y="3021"/>
                <a:ext cx="48" cy="72"/>
              </a:xfrm>
              <a:custGeom>
                <a:avLst/>
                <a:gdLst>
                  <a:gd name="T0" fmla="*/ 48 w 48"/>
                  <a:gd name="T1" fmla="*/ 6 h 72"/>
                  <a:gd name="T2" fmla="*/ 48 w 48"/>
                  <a:gd name="T3" fmla="*/ 6 h 72"/>
                  <a:gd name="T4" fmla="*/ 48 w 48"/>
                  <a:gd name="T5" fmla="*/ 6 h 72"/>
                  <a:gd name="T6" fmla="*/ 48 w 48"/>
                  <a:gd name="T7" fmla="*/ 6 h 72"/>
                  <a:gd name="T8" fmla="*/ 6 w 48"/>
                  <a:gd name="T9" fmla="*/ 0 h 72"/>
                  <a:gd name="T10" fmla="*/ 42 w 48"/>
                  <a:gd name="T11" fmla="*/ 12 h 72"/>
                  <a:gd name="T12" fmla="*/ 42 w 48"/>
                  <a:gd name="T13" fmla="*/ 12 h 72"/>
                  <a:gd name="T14" fmla="*/ 0 w 48"/>
                  <a:gd name="T15" fmla="*/ 72 h 72"/>
                  <a:gd name="T16" fmla="*/ 18 w 48"/>
                  <a:gd name="T17" fmla="*/ 54 h 72"/>
                  <a:gd name="T18" fmla="*/ 18 w 48"/>
                  <a:gd name="T19" fmla="*/ 66 h 72"/>
                  <a:gd name="T20" fmla="*/ 48 w 48"/>
                  <a:gd name="T21" fmla="*/ 6 h 72"/>
                  <a:gd name="T22" fmla="*/ 48 w 48"/>
                  <a:gd name="T23" fmla="*/ 6 h 72"/>
                  <a:gd name="T24" fmla="*/ 48 w 48"/>
                  <a:gd name="T25" fmla="*/ 6 h 72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</a:gdLst>
                <a:ahLst/>
                <a:cxnLst>
                  <a:cxn ang="T26">
                    <a:pos x="T0" y="T1"/>
                  </a:cxn>
                  <a:cxn ang="T27">
                    <a:pos x="T2" y="T3"/>
                  </a:cxn>
                  <a:cxn ang="T28">
                    <a:pos x="T4" y="T5"/>
                  </a:cxn>
                  <a:cxn ang="T29">
                    <a:pos x="T6" y="T7"/>
                  </a:cxn>
                  <a:cxn ang="T30">
                    <a:pos x="T8" y="T9"/>
                  </a:cxn>
                  <a:cxn ang="T31">
                    <a:pos x="T10" y="T11"/>
                  </a:cxn>
                  <a:cxn ang="T32">
                    <a:pos x="T12" y="T13"/>
                  </a:cxn>
                  <a:cxn ang="T33">
                    <a:pos x="T14" y="T15"/>
                  </a:cxn>
                  <a:cxn ang="T34">
                    <a:pos x="T16" y="T17"/>
                  </a:cxn>
                  <a:cxn ang="T35">
                    <a:pos x="T18" y="T19"/>
                  </a:cxn>
                  <a:cxn ang="T36">
                    <a:pos x="T20" y="T21"/>
                  </a:cxn>
                  <a:cxn ang="T37">
                    <a:pos x="T22" y="T23"/>
                  </a:cxn>
                  <a:cxn ang="T38">
                    <a:pos x="T24" y="T25"/>
                  </a:cxn>
                </a:cxnLst>
                <a:rect l="0" t="0" r="r" b="b"/>
                <a:pathLst>
                  <a:path w="48" h="72">
                    <a:moveTo>
                      <a:pt x="48" y="6"/>
                    </a:moveTo>
                    <a:lnTo>
                      <a:pt x="48" y="6"/>
                    </a:lnTo>
                    <a:lnTo>
                      <a:pt x="6" y="0"/>
                    </a:lnTo>
                    <a:lnTo>
                      <a:pt x="42" y="12"/>
                    </a:lnTo>
                    <a:lnTo>
                      <a:pt x="0" y="72"/>
                    </a:lnTo>
                    <a:lnTo>
                      <a:pt x="18" y="54"/>
                    </a:lnTo>
                    <a:lnTo>
                      <a:pt x="18" y="66"/>
                    </a:lnTo>
                    <a:lnTo>
                      <a:pt x="48" y="6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57" name="Freeform 28">
                <a:extLst>
                  <a:ext uri="{FF2B5EF4-FFF2-40B4-BE49-F238E27FC236}">
                    <a16:creationId xmlns:a16="http://schemas.microsoft.com/office/drawing/2014/main" id="{B452A35F-24A6-513E-3C73-0A7DB7A65A57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437" y="3027"/>
                <a:ext cx="288" cy="84"/>
              </a:xfrm>
              <a:custGeom>
                <a:avLst/>
                <a:gdLst>
                  <a:gd name="T0" fmla="*/ 312 w 287"/>
                  <a:gd name="T1" fmla="*/ 0 h 84"/>
                  <a:gd name="T2" fmla="*/ 0 w 287"/>
                  <a:gd name="T3" fmla="*/ 84 h 84"/>
                  <a:gd name="T4" fmla="*/ 193 w 287"/>
                  <a:gd name="T5" fmla="*/ 36 h 84"/>
                  <a:gd name="T6" fmla="*/ 114 w 287"/>
                  <a:gd name="T7" fmla="*/ 60 h 84"/>
                  <a:gd name="T8" fmla="*/ 301 w 287"/>
                  <a:gd name="T9" fmla="*/ 18 h 84"/>
                  <a:gd name="T10" fmla="*/ 312 w 287"/>
                  <a:gd name="T11" fmla="*/ 0 h 84"/>
                  <a:gd name="T12" fmla="*/ 312 w 287"/>
                  <a:gd name="T13" fmla="*/ 0 h 84"/>
                  <a:gd name="T14" fmla="*/ 0 60000 65536"/>
                  <a:gd name="T15" fmla="*/ 0 60000 65536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</a:gdLst>
                <a:ahLst/>
                <a:cxnLst>
                  <a:cxn ang="T14">
                    <a:pos x="T0" y="T1"/>
                  </a:cxn>
                  <a:cxn ang="T15">
                    <a:pos x="T2" y="T3"/>
                  </a:cxn>
                  <a:cxn ang="T16">
                    <a:pos x="T4" y="T5"/>
                  </a:cxn>
                  <a:cxn ang="T17">
                    <a:pos x="T6" y="T7"/>
                  </a:cxn>
                  <a:cxn ang="T18">
                    <a:pos x="T8" y="T9"/>
                  </a:cxn>
                  <a:cxn ang="T19">
                    <a:pos x="T10" y="T11"/>
                  </a:cxn>
                  <a:cxn ang="T20">
                    <a:pos x="T12" y="T13"/>
                  </a:cxn>
                </a:cxnLst>
                <a:rect l="0" t="0" r="r" b="b"/>
                <a:pathLst>
                  <a:path w="287" h="84">
                    <a:moveTo>
                      <a:pt x="287" y="0"/>
                    </a:moveTo>
                    <a:lnTo>
                      <a:pt x="0" y="84"/>
                    </a:lnTo>
                    <a:lnTo>
                      <a:pt x="168" y="36"/>
                    </a:lnTo>
                    <a:lnTo>
                      <a:pt x="114" y="60"/>
                    </a:lnTo>
                    <a:lnTo>
                      <a:pt x="276" y="18"/>
                    </a:lnTo>
                    <a:lnTo>
                      <a:pt x="287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58" name="Freeform 29">
                <a:extLst>
                  <a:ext uri="{FF2B5EF4-FFF2-40B4-BE49-F238E27FC236}">
                    <a16:creationId xmlns:a16="http://schemas.microsoft.com/office/drawing/2014/main" id="{EDDCC439-465F-39E4-4C24-98BC7E90948C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828" y="3003"/>
                <a:ext cx="66" cy="108"/>
              </a:xfrm>
              <a:custGeom>
                <a:avLst/>
                <a:gdLst>
                  <a:gd name="T0" fmla="*/ 6 w 66"/>
                  <a:gd name="T1" fmla="*/ 0 h 108"/>
                  <a:gd name="T2" fmla="*/ 66 w 66"/>
                  <a:gd name="T3" fmla="*/ 6 h 108"/>
                  <a:gd name="T4" fmla="*/ 0 w 66"/>
                  <a:gd name="T5" fmla="*/ 84 h 108"/>
                  <a:gd name="T6" fmla="*/ 54 w 66"/>
                  <a:gd name="T7" fmla="*/ 24 h 108"/>
                  <a:gd name="T8" fmla="*/ 6 w 66"/>
                  <a:gd name="T9" fmla="*/ 108 h 108"/>
                  <a:gd name="T10" fmla="*/ 66 w 66"/>
                  <a:gd name="T11" fmla="*/ 6 h 108"/>
                  <a:gd name="T12" fmla="*/ 6 w 66"/>
                  <a:gd name="T13" fmla="*/ 0 h 108"/>
                  <a:gd name="T14" fmla="*/ 6 w 66"/>
                  <a:gd name="T15" fmla="*/ 0 h 108"/>
                  <a:gd name="T16" fmla="*/ 0 60000 65536"/>
                  <a:gd name="T17" fmla="*/ 0 60000 65536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</a:gdLst>
                <a:ahLst/>
                <a:cxnLst>
                  <a:cxn ang="T16">
                    <a:pos x="T0" y="T1"/>
                  </a:cxn>
                  <a:cxn ang="T17">
                    <a:pos x="T2" y="T3"/>
                  </a:cxn>
                  <a:cxn ang="T18">
                    <a:pos x="T4" y="T5"/>
                  </a:cxn>
                  <a:cxn ang="T19">
                    <a:pos x="T6" y="T7"/>
                  </a:cxn>
                  <a:cxn ang="T20">
                    <a:pos x="T8" y="T9"/>
                  </a:cxn>
                  <a:cxn ang="T21">
                    <a:pos x="T10" y="T11"/>
                  </a:cxn>
                  <a:cxn ang="T22">
                    <a:pos x="T12" y="T13"/>
                  </a:cxn>
                  <a:cxn ang="T23">
                    <a:pos x="T14" y="T15"/>
                  </a:cxn>
                </a:cxnLst>
                <a:rect l="0" t="0" r="r" b="b"/>
                <a:pathLst>
                  <a:path w="66" h="108">
                    <a:moveTo>
                      <a:pt x="6" y="0"/>
                    </a:moveTo>
                    <a:lnTo>
                      <a:pt x="66" y="6"/>
                    </a:lnTo>
                    <a:lnTo>
                      <a:pt x="0" y="84"/>
                    </a:lnTo>
                    <a:lnTo>
                      <a:pt x="54" y="24"/>
                    </a:lnTo>
                    <a:lnTo>
                      <a:pt x="6" y="108"/>
                    </a:lnTo>
                    <a:lnTo>
                      <a:pt x="66" y="6"/>
                    </a:lnTo>
                    <a:lnTo>
                      <a:pt x="6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59" name="Freeform 30">
                <a:extLst>
                  <a:ext uri="{FF2B5EF4-FFF2-40B4-BE49-F238E27FC236}">
                    <a16:creationId xmlns:a16="http://schemas.microsoft.com/office/drawing/2014/main" id="{B86A768A-DB1F-3FFD-A3ED-642ED8BF9323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366" y="3111"/>
                <a:ext cx="77" cy="42"/>
              </a:xfrm>
              <a:custGeom>
                <a:avLst/>
                <a:gdLst>
                  <a:gd name="T0" fmla="*/ 36 w 77"/>
                  <a:gd name="T1" fmla="*/ 0 h 42"/>
                  <a:gd name="T2" fmla="*/ 42 w 77"/>
                  <a:gd name="T3" fmla="*/ 0 h 42"/>
                  <a:gd name="T4" fmla="*/ 60 w 77"/>
                  <a:gd name="T5" fmla="*/ 6 h 42"/>
                  <a:gd name="T6" fmla="*/ 48 w 77"/>
                  <a:gd name="T7" fmla="*/ 6 h 42"/>
                  <a:gd name="T8" fmla="*/ 42 w 77"/>
                  <a:gd name="T9" fmla="*/ 6 h 42"/>
                  <a:gd name="T10" fmla="*/ 60 w 77"/>
                  <a:gd name="T11" fmla="*/ 6 h 42"/>
                  <a:gd name="T12" fmla="*/ 0 w 77"/>
                  <a:gd name="T13" fmla="*/ 24 h 42"/>
                  <a:gd name="T14" fmla="*/ 71 w 77"/>
                  <a:gd name="T15" fmla="*/ 6 h 42"/>
                  <a:gd name="T16" fmla="*/ 66 w 77"/>
                  <a:gd name="T17" fmla="*/ 42 h 42"/>
                  <a:gd name="T18" fmla="*/ 77 w 77"/>
                  <a:gd name="T19" fmla="*/ 6 h 42"/>
                  <a:gd name="T20" fmla="*/ 36 w 77"/>
                  <a:gd name="T21" fmla="*/ 0 h 42"/>
                  <a:gd name="T22" fmla="*/ 36 w 77"/>
                  <a:gd name="T23" fmla="*/ 0 h 42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</a:gdLst>
                <a:ahLst/>
                <a:cxnLst>
                  <a:cxn ang="T24">
                    <a:pos x="T0" y="T1"/>
                  </a:cxn>
                  <a:cxn ang="T25">
                    <a:pos x="T2" y="T3"/>
                  </a:cxn>
                  <a:cxn ang="T26">
                    <a:pos x="T4" y="T5"/>
                  </a:cxn>
                  <a:cxn ang="T27">
                    <a:pos x="T6" y="T7"/>
                  </a:cxn>
                  <a:cxn ang="T28">
                    <a:pos x="T8" y="T9"/>
                  </a:cxn>
                  <a:cxn ang="T29">
                    <a:pos x="T10" y="T11"/>
                  </a:cxn>
                  <a:cxn ang="T30">
                    <a:pos x="T12" y="T13"/>
                  </a:cxn>
                  <a:cxn ang="T31">
                    <a:pos x="T14" y="T15"/>
                  </a:cxn>
                  <a:cxn ang="T32">
                    <a:pos x="T16" y="T17"/>
                  </a:cxn>
                  <a:cxn ang="T33">
                    <a:pos x="T18" y="T19"/>
                  </a:cxn>
                  <a:cxn ang="T34">
                    <a:pos x="T20" y="T21"/>
                  </a:cxn>
                  <a:cxn ang="T35">
                    <a:pos x="T22" y="T23"/>
                  </a:cxn>
                </a:cxnLst>
                <a:rect l="0" t="0" r="r" b="b"/>
                <a:pathLst>
                  <a:path w="77" h="42">
                    <a:moveTo>
                      <a:pt x="36" y="0"/>
                    </a:moveTo>
                    <a:lnTo>
                      <a:pt x="42" y="0"/>
                    </a:lnTo>
                    <a:lnTo>
                      <a:pt x="60" y="6"/>
                    </a:lnTo>
                    <a:lnTo>
                      <a:pt x="48" y="6"/>
                    </a:lnTo>
                    <a:lnTo>
                      <a:pt x="42" y="6"/>
                    </a:lnTo>
                    <a:lnTo>
                      <a:pt x="60" y="6"/>
                    </a:lnTo>
                    <a:lnTo>
                      <a:pt x="0" y="24"/>
                    </a:lnTo>
                    <a:lnTo>
                      <a:pt x="71" y="6"/>
                    </a:lnTo>
                    <a:lnTo>
                      <a:pt x="66" y="42"/>
                    </a:lnTo>
                    <a:lnTo>
                      <a:pt x="77" y="6"/>
                    </a:lnTo>
                    <a:lnTo>
                      <a:pt x="36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60" name="Freeform 31">
                <a:extLst>
                  <a:ext uri="{FF2B5EF4-FFF2-40B4-BE49-F238E27FC236}">
                    <a16:creationId xmlns:a16="http://schemas.microsoft.com/office/drawing/2014/main" id="{F8483CF8-9CE2-9ED5-BD41-D7C48C918869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498" y="3165"/>
                <a:ext cx="66" cy="30"/>
              </a:xfrm>
              <a:custGeom>
                <a:avLst/>
                <a:gdLst>
                  <a:gd name="T0" fmla="*/ 66 w 66"/>
                  <a:gd name="T1" fmla="*/ 6 h 30"/>
                  <a:gd name="T2" fmla="*/ 0 w 66"/>
                  <a:gd name="T3" fmla="*/ 0 h 30"/>
                  <a:gd name="T4" fmla="*/ 54 w 66"/>
                  <a:gd name="T5" fmla="*/ 6 h 30"/>
                  <a:gd name="T6" fmla="*/ 18 w 66"/>
                  <a:gd name="T7" fmla="*/ 18 h 30"/>
                  <a:gd name="T8" fmla="*/ 60 w 66"/>
                  <a:gd name="T9" fmla="*/ 12 h 30"/>
                  <a:gd name="T10" fmla="*/ 60 w 66"/>
                  <a:gd name="T11" fmla="*/ 30 h 30"/>
                  <a:gd name="T12" fmla="*/ 60 w 66"/>
                  <a:gd name="T13" fmla="*/ 30 h 30"/>
                  <a:gd name="T14" fmla="*/ 66 w 66"/>
                  <a:gd name="T15" fmla="*/ 6 h 30"/>
                  <a:gd name="T16" fmla="*/ 66 w 66"/>
                  <a:gd name="T17" fmla="*/ 6 h 30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66" h="30">
                    <a:moveTo>
                      <a:pt x="66" y="6"/>
                    </a:moveTo>
                    <a:lnTo>
                      <a:pt x="0" y="0"/>
                    </a:lnTo>
                    <a:lnTo>
                      <a:pt x="54" y="6"/>
                    </a:lnTo>
                    <a:lnTo>
                      <a:pt x="18" y="18"/>
                    </a:lnTo>
                    <a:lnTo>
                      <a:pt x="60" y="12"/>
                    </a:lnTo>
                    <a:lnTo>
                      <a:pt x="60" y="30"/>
                    </a:lnTo>
                    <a:lnTo>
                      <a:pt x="66" y="6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61" name="Freeform 32">
                <a:extLst>
                  <a:ext uri="{FF2B5EF4-FFF2-40B4-BE49-F238E27FC236}">
                    <a16:creationId xmlns:a16="http://schemas.microsoft.com/office/drawing/2014/main" id="{6E6081AF-694F-6B34-7923-C7E68748A09B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840" y="2919"/>
                <a:ext cx="18" cy="60"/>
              </a:xfrm>
              <a:custGeom>
                <a:avLst/>
                <a:gdLst>
                  <a:gd name="T0" fmla="*/ 0 w 18"/>
                  <a:gd name="T1" fmla="*/ 24 h 60"/>
                  <a:gd name="T2" fmla="*/ 12 w 18"/>
                  <a:gd name="T3" fmla="*/ 24 h 60"/>
                  <a:gd name="T4" fmla="*/ 12 w 18"/>
                  <a:gd name="T5" fmla="*/ 60 h 60"/>
                  <a:gd name="T6" fmla="*/ 18 w 18"/>
                  <a:gd name="T7" fmla="*/ 18 h 60"/>
                  <a:gd name="T8" fmla="*/ 18 w 18"/>
                  <a:gd name="T9" fmla="*/ 18 h 60"/>
                  <a:gd name="T10" fmla="*/ 18 w 18"/>
                  <a:gd name="T11" fmla="*/ 0 h 60"/>
                  <a:gd name="T12" fmla="*/ 12 w 18"/>
                  <a:gd name="T13" fmla="*/ 18 h 60"/>
                  <a:gd name="T14" fmla="*/ 0 w 18"/>
                  <a:gd name="T15" fmla="*/ 24 h 60"/>
                  <a:gd name="T16" fmla="*/ 0 w 18"/>
                  <a:gd name="T17" fmla="*/ 24 h 60"/>
                  <a:gd name="T18" fmla="*/ 0 60000 65536"/>
                  <a:gd name="T19" fmla="*/ 0 60000 65536"/>
                  <a:gd name="T20" fmla="*/ 0 60000 65536"/>
                  <a:gd name="T21" fmla="*/ 0 60000 6553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</a:gdLst>
                <a:ahLst/>
                <a:cxnLst>
                  <a:cxn ang="T18">
                    <a:pos x="T0" y="T1"/>
                  </a:cxn>
                  <a:cxn ang="T19">
                    <a:pos x="T2" y="T3"/>
                  </a:cxn>
                  <a:cxn ang="T20">
                    <a:pos x="T4" y="T5"/>
                  </a:cxn>
                  <a:cxn ang="T21">
                    <a:pos x="T6" y="T7"/>
                  </a:cxn>
                  <a:cxn ang="T22">
                    <a:pos x="T8" y="T9"/>
                  </a:cxn>
                  <a:cxn ang="T23">
                    <a:pos x="T10" y="T11"/>
                  </a:cxn>
                  <a:cxn ang="T24">
                    <a:pos x="T12" y="T13"/>
                  </a:cxn>
                  <a:cxn ang="T25">
                    <a:pos x="T14" y="T15"/>
                  </a:cxn>
                  <a:cxn ang="T26">
                    <a:pos x="T16" y="T17"/>
                  </a:cxn>
                </a:cxnLst>
                <a:rect l="0" t="0" r="r" b="b"/>
                <a:pathLst>
                  <a:path w="18" h="60">
                    <a:moveTo>
                      <a:pt x="0" y="24"/>
                    </a:moveTo>
                    <a:lnTo>
                      <a:pt x="12" y="24"/>
                    </a:lnTo>
                    <a:lnTo>
                      <a:pt x="12" y="60"/>
                    </a:lnTo>
                    <a:lnTo>
                      <a:pt x="18" y="18"/>
                    </a:lnTo>
                    <a:lnTo>
                      <a:pt x="18" y="0"/>
                    </a:lnTo>
                    <a:lnTo>
                      <a:pt x="12" y="18"/>
                    </a:lnTo>
                    <a:lnTo>
                      <a:pt x="0" y="24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62" name="Freeform 33">
                <a:extLst>
                  <a:ext uri="{FF2B5EF4-FFF2-40B4-BE49-F238E27FC236}">
                    <a16:creationId xmlns:a16="http://schemas.microsoft.com/office/drawing/2014/main" id="{AFB49B59-79CF-6E2D-329F-468D9E574013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546" y="3021"/>
                <a:ext cx="6" cy="18"/>
              </a:xfrm>
              <a:custGeom>
                <a:avLst/>
                <a:gdLst>
                  <a:gd name="T0" fmla="*/ 6 w 6"/>
                  <a:gd name="T1" fmla="*/ 0 h 18"/>
                  <a:gd name="T2" fmla="*/ 0 w 6"/>
                  <a:gd name="T3" fmla="*/ 18 h 18"/>
                  <a:gd name="T4" fmla="*/ 6 w 6"/>
                  <a:gd name="T5" fmla="*/ 12 h 18"/>
                  <a:gd name="T6" fmla="*/ 6 w 6"/>
                  <a:gd name="T7" fmla="*/ 0 h 18"/>
                  <a:gd name="T8" fmla="*/ 6 w 6"/>
                  <a:gd name="T9" fmla="*/ 0 h 18"/>
                  <a:gd name="T10" fmla="*/ 0 60000 65536"/>
                  <a:gd name="T11" fmla="*/ 0 60000 65536"/>
                  <a:gd name="T12" fmla="*/ 0 60000 65536"/>
                  <a:gd name="T13" fmla="*/ 0 60000 65536"/>
                  <a:gd name="T14" fmla="*/ 0 60000 65536"/>
                </a:gdLst>
                <a:ahLst/>
                <a:cxnLst>
                  <a:cxn ang="T10">
                    <a:pos x="T0" y="T1"/>
                  </a:cxn>
                  <a:cxn ang="T11">
                    <a:pos x="T2" y="T3"/>
                  </a:cxn>
                  <a:cxn ang="T12">
                    <a:pos x="T4" y="T5"/>
                  </a:cxn>
                  <a:cxn ang="T13">
                    <a:pos x="T6" y="T7"/>
                  </a:cxn>
                  <a:cxn ang="T14">
                    <a:pos x="T8" y="T9"/>
                  </a:cxn>
                </a:cxnLst>
                <a:rect l="0" t="0" r="r" b="b"/>
                <a:pathLst>
                  <a:path w="6" h="18">
                    <a:moveTo>
                      <a:pt x="6" y="0"/>
                    </a:moveTo>
                    <a:lnTo>
                      <a:pt x="0" y="18"/>
                    </a:lnTo>
                    <a:lnTo>
                      <a:pt x="6" y="12"/>
                    </a:lnTo>
                    <a:lnTo>
                      <a:pt x="6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63" name="Freeform 34">
                <a:extLst>
                  <a:ext uri="{FF2B5EF4-FFF2-40B4-BE49-F238E27FC236}">
                    <a16:creationId xmlns:a16="http://schemas.microsoft.com/office/drawing/2014/main" id="{79B4DC7C-5968-3712-C2ED-13171733AD4B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534" y="2943"/>
                <a:ext cx="30" cy="78"/>
              </a:xfrm>
              <a:custGeom>
                <a:avLst/>
                <a:gdLst>
                  <a:gd name="T0" fmla="*/ 24 w 30"/>
                  <a:gd name="T1" fmla="*/ 6 h 78"/>
                  <a:gd name="T2" fmla="*/ 18 w 30"/>
                  <a:gd name="T3" fmla="*/ 24 h 78"/>
                  <a:gd name="T4" fmla="*/ 0 w 30"/>
                  <a:gd name="T5" fmla="*/ 18 h 78"/>
                  <a:gd name="T6" fmla="*/ 12 w 30"/>
                  <a:gd name="T7" fmla="*/ 30 h 78"/>
                  <a:gd name="T8" fmla="*/ 6 w 30"/>
                  <a:gd name="T9" fmla="*/ 42 h 78"/>
                  <a:gd name="T10" fmla="*/ 18 w 30"/>
                  <a:gd name="T11" fmla="*/ 78 h 78"/>
                  <a:gd name="T12" fmla="*/ 18 w 30"/>
                  <a:gd name="T13" fmla="*/ 24 h 78"/>
                  <a:gd name="T14" fmla="*/ 24 w 30"/>
                  <a:gd name="T15" fmla="*/ 12 h 78"/>
                  <a:gd name="T16" fmla="*/ 30 w 30"/>
                  <a:gd name="T17" fmla="*/ 6 h 78"/>
                  <a:gd name="T18" fmla="*/ 30 w 30"/>
                  <a:gd name="T19" fmla="*/ 6 h 78"/>
                  <a:gd name="T20" fmla="*/ 12 w 30"/>
                  <a:gd name="T21" fmla="*/ 0 h 78"/>
                  <a:gd name="T22" fmla="*/ 24 w 30"/>
                  <a:gd name="T23" fmla="*/ 6 h 78"/>
                  <a:gd name="T24" fmla="*/ 24 w 30"/>
                  <a:gd name="T25" fmla="*/ 6 h 78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  <a:gd name="T33" fmla="*/ 0 60000 65536"/>
                  <a:gd name="T34" fmla="*/ 0 60000 65536"/>
                  <a:gd name="T35" fmla="*/ 0 60000 65536"/>
                  <a:gd name="T36" fmla="*/ 0 60000 65536"/>
                  <a:gd name="T37" fmla="*/ 0 60000 65536"/>
                  <a:gd name="T38" fmla="*/ 0 60000 65536"/>
                </a:gdLst>
                <a:ahLst/>
                <a:cxnLst>
                  <a:cxn ang="T26">
                    <a:pos x="T0" y="T1"/>
                  </a:cxn>
                  <a:cxn ang="T27">
                    <a:pos x="T2" y="T3"/>
                  </a:cxn>
                  <a:cxn ang="T28">
                    <a:pos x="T4" y="T5"/>
                  </a:cxn>
                  <a:cxn ang="T29">
                    <a:pos x="T6" y="T7"/>
                  </a:cxn>
                  <a:cxn ang="T30">
                    <a:pos x="T8" y="T9"/>
                  </a:cxn>
                  <a:cxn ang="T31">
                    <a:pos x="T10" y="T11"/>
                  </a:cxn>
                  <a:cxn ang="T32">
                    <a:pos x="T12" y="T13"/>
                  </a:cxn>
                  <a:cxn ang="T33">
                    <a:pos x="T14" y="T15"/>
                  </a:cxn>
                  <a:cxn ang="T34">
                    <a:pos x="T16" y="T17"/>
                  </a:cxn>
                  <a:cxn ang="T35">
                    <a:pos x="T18" y="T19"/>
                  </a:cxn>
                  <a:cxn ang="T36">
                    <a:pos x="T20" y="T21"/>
                  </a:cxn>
                  <a:cxn ang="T37">
                    <a:pos x="T22" y="T23"/>
                  </a:cxn>
                  <a:cxn ang="T38">
                    <a:pos x="T24" y="T25"/>
                  </a:cxn>
                </a:cxnLst>
                <a:rect l="0" t="0" r="r" b="b"/>
                <a:pathLst>
                  <a:path w="30" h="78">
                    <a:moveTo>
                      <a:pt x="24" y="6"/>
                    </a:moveTo>
                    <a:lnTo>
                      <a:pt x="18" y="24"/>
                    </a:lnTo>
                    <a:lnTo>
                      <a:pt x="0" y="18"/>
                    </a:lnTo>
                    <a:lnTo>
                      <a:pt x="12" y="30"/>
                    </a:lnTo>
                    <a:lnTo>
                      <a:pt x="6" y="42"/>
                    </a:lnTo>
                    <a:lnTo>
                      <a:pt x="18" y="78"/>
                    </a:lnTo>
                    <a:lnTo>
                      <a:pt x="18" y="24"/>
                    </a:lnTo>
                    <a:lnTo>
                      <a:pt x="24" y="12"/>
                    </a:lnTo>
                    <a:lnTo>
                      <a:pt x="30" y="6"/>
                    </a:lnTo>
                    <a:lnTo>
                      <a:pt x="12" y="0"/>
                    </a:lnTo>
                    <a:lnTo>
                      <a:pt x="24" y="6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64" name="Freeform 35">
                <a:extLst>
                  <a:ext uri="{FF2B5EF4-FFF2-40B4-BE49-F238E27FC236}">
                    <a16:creationId xmlns:a16="http://schemas.microsoft.com/office/drawing/2014/main" id="{3B6A9EFE-B939-6BD7-EF90-3ED83CEC3FB2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540" y="3039"/>
                <a:ext cx="24" cy="24"/>
              </a:xfrm>
              <a:custGeom>
                <a:avLst/>
                <a:gdLst>
                  <a:gd name="T0" fmla="*/ 6 w 24"/>
                  <a:gd name="T1" fmla="*/ 0 h 24"/>
                  <a:gd name="T2" fmla="*/ 0 w 24"/>
                  <a:gd name="T3" fmla="*/ 0 h 24"/>
                  <a:gd name="T4" fmla="*/ 6 w 24"/>
                  <a:gd name="T5" fmla="*/ 0 h 24"/>
                  <a:gd name="T6" fmla="*/ 12 w 24"/>
                  <a:gd name="T7" fmla="*/ 6 h 24"/>
                  <a:gd name="T8" fmla="*/ 24 w 24"/>
                  <a:gd name="T9" fmla="*/ 24 h 24"/>
                  <a:gd name="T10" fmla="*/ 24 w 24"/>
                  <a:gd name="T11" fmla="*/ 18 h 24"/>
                  <a:gd name="T12" fmla="*/ 18 w 24"/>
                  <a:gd name="T13" fmla="*/ 6 h 24"/>
                  <a:gd name="T14" fmla="*/ 12 w 24"/>
                  <a:gd name="T15" fmla="*/ 0 h 24"/>
                  <a:gd name="T16" fmla="*/ 6 w 24"/>
                  <a:gd name="T17" fmla="*/ 0 h 24"/>
                  <a:gd name="T18" fmla="*/ 6 w 24"/>
                  <a:gd name="T19" fmla="*/ 0 h 24"/>
                  <a:gd name="T20" fmla="*/ 6 w 24"/>
                  <a:gd name="T21" fmla="*/ 0 h 24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</a:gdLst>
                <a:ahLst/>
                <a:cxnLst>
                  <a:cxn ang="T22">
                    <a:pos x="T0" y="T1"/>
                  </a:cxn>
                  <a:cxn ang="T23">
                    <a:pos x="T2" y="T3"/>
                  </a:cxn>
                  <a:cxn ang="T24">
                    <a:pos x="T4" y="T5"/>
                  </a:cxn>
                  <a:cxn ang="T25">
                    <a:pos x="T6" y="T7"/>
                  </a:cxn>
                  <a:cxn ang="T26">
                    <a:pos x="T8" y="T9"/>
                  </a:cxn>
                  <a:cxn ang="T27">
                    <a:pos x="T10" y="T11"/>
                  </a:cxn>
                  <a:cxn ang="T28">
                    <a:pos x="T12" y="T13"/>
                  </a:cxn>
                  <a:cxn ang="T29">
                    <a:pos x="T14" y="T15"/>
                  </a:cxn>
                  <a:cxn ang="T30">
                    <a:pos x="T16" y="T17"/>
                  </a:cxn>
                  <a:cxn ang="T31">
                    <a:pos x="T18" y="T19"/>
                  </a:cxn>
                  <a:cxn ang="T32">
                    <a:pos x="T20" y="T21"/>
                  </a:cxn>
                </a:cxnLst>
                <a:rect l="0" t="0" r="r" b="b"/>
                <a:pathLst>
                  <a:path w="24" h="24">
                    <a:moveTo>
                      <a:pt x="6" y="0"/>
                    </a:moveTo>
                    <a:lnTo>
                      <a:pt x="0" y="0"/>
                    </a:lnTo>
                    <a:lnTo>
                      <a:pt x="6" y="0"/>
                    </a:lnTo>
                    <a:lnTo>
                      <a:pt x="12" y="6"/>
                    </a:lnTo>
                    <a:lnTo>
                      <a:pt x="24" y="24"/>
                    </a:lnTo>
                    <a:lnTo>
                      <a:pt x="24" y="18"/>
                    </a:lnTo>
                    <a:lnTo>
                      <a:pt x="18" y="6"/>
                    </a:lnTo>
                    <a:lnTo>
                      <a:pt x="12" y="0"/>
                    </a:lnTo>
                    <a:lnTo>
                      <a:pt x="6" y="0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2"/>
                  </a:gs>
                  <a:gs pos="100000">
                    <a:schemeClr val="bg1"/>
                  </a:gs>
                </a:gsLst>
                <a:lin ang="18900000" scaled="1"/>
              </a:gra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65" name="Freeform 36">
                <a:extLst>
                  <a:ext uri="{FF2B5EF4-FFF2-40B4-BE49-F238E27FC236}">
                    <a16:creationId xmlns:a16="http://schemas.microsoft.com/office/drawing/2014/main" id="{065B1494-F391-E821-2450-9D53647DA518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801" y="2681"/>
                <a:ext cx="215" cy="216"/>
              </a:xfrm>
              <a:custGeom>
                <a:avLst/>
                <a:gdLst>
                  <a:gd name="T0" fmla="*/ 215 w 215"/>
                  <a:gd name="T1" fmla="*/ 0 h 216"/>
                  <a:gd name="T2" fmla="*/ 147 w 215"/>
                  <a:gd name="T3" fmla="*/ 36 h 216"/>
                  <a:gd name="T4" fmla="*/ 132 w 215"/>
                  <a:gd name="T5" fmla="*/ 49 h 216"/>
                  <a:gd name="T6" fmla="*/ 104 w 215"/>
                  <a:gd name="T7" fmla="*/ 79 h 216"/>
                  <a:gd name="T8" fmla="*/ 87 w 215"/>
                  <a:gd name="T9" fmla="*/ 114 h 216"/>
                  <a:gd name="T10" fmla="*/ 48 w 215"/>
                  <a:gd name="T11" fmla="*/ 156 h 216"/>
                  <a:gd name="T12" fmla="*/ 42 w 215"/>
                  <a:gd name="T13" fmla="*/ 166 h 216"/>
                  <a:gd name="T14" fmla="*/ 29 w 215"/>
                  <a:gd name="T15" fmla="*/ 177 h 216"/>
                  <a:gd name="T16" fmla="*/ 0 w 215"/>
                  <a:gd name="T17" fmla="*/ 208 h 216"/>
                  <a:gd name="T18" fmla="*/ 48 w 215"/>
                  <a:gd name="T19" fmla="*/ 216 h 216"/>
                  <a:gd name="T20" fmla="*/ 215 w 215"/>
                  <a:gd name="T21" fmla="*/ 0 h 216"/>
                  <a:gd name="T22" fmla="*/ 0 60000 65536"/>
                  <a:gd name="T23" fmla="*/ 0 60000 65536"/>
                  <a:gd name="T24" fmla="*/ 0 60000 65536"/>
                  <a:gd name="T25" fmla="*/ 0 60000 65536"/>
                  <a:gd name="T26" fmla="*/ 0 60000 65536"/>
                  <a:gd name="T27" fmla="*/ 0 60000 65536"/>
                  <a:gd name="T28" fmla="*/ 0 60000 65536"/>
                  <a:gd name="T29" fmla="*/ 0 60000 65536"/>
                  <a:gd name="T30" fmla="*/ 0 60000 65536"/>
                  <a:gd name="T31" fmla="*/ 0 60000 65536"/>
                  <a:gd name="T32" fmla="*/ 0 60000 65536"/>
                </a:gdLst>
                <a:ahLst/>
                <a:cxnLst>
                  <a:cxn ang="T22">
                    <a:pos x="T0" y="T1"/>
                  </a:cxn>
                  <a:cxn ang="T23">
                    <a:pos x="T2" y="T3"/>
                  </a:cxn>
                  <a:cxn ang="T24">
                    <a:pos x="T4" y="T5"/>
                  </a:cxn>
                  <a:cxn ang="T25">
                    <a:pos x="T6" y="T7"/>
                  </a:cxn>
                  <a:cxn ang="T26">
                    <a:pos x="T8" y="T9"/>
                  </a:cxn>
                  <a:cxn ang="T27">
                    <a:pos x="T10" y="T11"/>
                  </a:cxn>
                  <a:cxn ang="T28">
                    <a:pos x="T12" y="T13"/>
                  </a:cxn>
                  <a:cxn ang="T29">
                    <a:pos x="T14" y="T15"/>
                  </a:cxn>
                  <a:cxn ang="T30">
                    <a:pos x="T16" y="T17"/>
                  </a:cxn>
                  <a:cxn ang="T31">
                    <a:pos x="T18" y="T19"/>
                  </a:cxn>
                  <a:cxn ang="T32">
                    <a:pos x="T20" y="T21"/>
                  </a:cxn>
                </a:cxnLst>
                <a:rect l="0" t="0" r="r" b="b"/>
                <a:pathLst>
                  <a:path w="215" h="216">
                    <a:moveTo>
                      <a:pt x="215" y="0"/>
                    </a:moveTo>
                    <a:lnTo>
                      <a:pt x="147" y="36"/>
                    </a:lnTo>
                    <a:lnTo>
                      <a:pt x="132" y="49"/>
                    </a:lnTo>
                    <a:lnTo>
                      <a:pt x="104" y="79"/>
                    </a:lnTo>
                    <a:lnTo>
                      <a:pt x="87" y="114"/>
                    </a:lnTo>
                    <a:lnTo>
                      <a:pt x="48" y="156"/>
                    </a:lnTo>
                    <a:lnTo>
                      <a:pt x="42" y="166"/>
                    </a:lnTo>
                    <a:lnTo>
                      <a:pt x="29" y="177"/>
                    </a:lnTo>
                    <a:lnTo>
                      <a:pt x="0" y="208"/>
                    </a:lnTo>
                    <a:lnTo>
                      <a:pt x="48" y="216"/>
                    </a:lnTo>
                    <a:lnTo>
                      <a:pt x="215" y="0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66" name="Freeform 37">
                <a:extLst>
                  <a:ext uri="{FF2B5EF4-FFF2-40B4-BE49-F238E27FC236}">
                    <a16:creationId xmlns:a16="http://schemas.microsoft.com/office/drawing/2014/main" id="{0182CB3C-9E4F-52CE-4EA7-EC9084E2EBBE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536" y="2710"/>
                <a:ext cx="212" cy="179"/>
              </a:xfrm>
              <a:custGeom>
                <a:avLst/>
                <a:gdLst>
                  <a:gd name="T0" fmla="*/ 212 w 212"/>
                  <a:gd name="T1" fmla="*/ 0 h 179"/>
                  <a:gd name="T2" fmla="*/ 144 w 212"/>
                  <a:gd name="T3" fmla="*/ 36 h 179"/>
                  <a:gd name="T4" fmla="*/ 0 w 212"/>
                  <a:gd name="T5" fmla="*/ 179 h 179"/>
                  <a:gd name="T6" fmla="*/ 177 w 212"/>
                  <a:gd name="T7" fmla="*/ 85 h 179"/>
                  <a:gd name="T8" fmla="*/ 212 w 212"/>
                  <a:gd name="T9" fmla="*/ 0 h 179"/>
                  <a:gd name="T10" fmla="*/ 0 60000 65536"/>
                  <a:gd name="T11" fmla="*/ 0 60000 65536"/>
                  <a:gd name="T12" fmla="*/ 0 60000 65536"/>
                  <a:gd name="T13" fmla="*/ 0 60000 65536"/>
                  <a:gd name="T14" fmla="*/ 0 60000 65536"/>
                </a:gdLst>
                <a:ahLst/>
                <a:cxnLst>
                  <a:cxn ang="T10">
                    <a:pos x="T0" y="T1"/>
                  </a:cxn>
                  <a:cxn ang="T11">
                    <a:pos x="T2" y="T3"/>
                  </a:cxn>
                  <a:cxn ang="T12">
                    <a:pos x="T4" y="T5"/>
                  </a:cxn>
                  <a:cxn ang="T13">
                    <a:pos x="T6" y="T7"/>
                  </a:cxn>
                  <a:cxn ang="T14">
                    <a:pos x="T8" y="T9"/>
                  </a:cxn>
                </a:cxnLst>
                <a:rect l="0" t="0" r="r" b="b"/>
                <a:pathLst>
                  <a:path w="212" h="179">
                    <a:moveTo>
                      <a:pt x="212" y="0"/>
                    </a:moveTo>
                    <a:lnTo>
                      <a:pt x="144" y="36"/>
                    </a:lnTo>
                    <a:lnTo>
                      <a:pt x="0" y="179"/>
                    </a:lnTo>
                    <a:lnTo>
                      <a:pt x="177" y="85"/>
                    </a:lnTo>
                    <a:lnTo>
                      <a:pt x="212" y="0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67" name="Freeform 38">
                <a:extLst>
                  <a:ext uri="{FF2B5EF4-FFF2-40B4-BE49-F238E27FC236}">
                    <a16:creationId xmlns:a16="http://schemas.microsoft.com/office/drawing/2014/main" id="{FF32C55D-9216-5C8A-010B-C390AFBAE4A8}"/>
                  </a:ext>
                </a:extLst>
              </p:cNvPr>
              <p:cNvSpPr>
                <a:spLocks/>
              </p:cNvSpPr>
              <p:nvPr/>
            </p:nvSpPr>
            <p:spPr bwMode="hidden">
              <a:xfrm>
                <a:off x="1037" y="2609"/>
                <a:ext cx="64" cy="79"/>
              </a:xfrm>
              <a:custGeom>
                <a:avLst/>
                <a:gdLst>
                  <a:gd name="T0" fmla="*/ 0 w 64"/>
                  <a:gd name="T1" fmla="*/ 22 h 79"/>
                  <a:gd name="T2" fmla="*/ 64 w 64"/>
                  <a:gd name="T3" fmla="*/ 79 h 79"/>
                  <a:gd name="T4" fmla="*/ 60 w 64"/>
                  <a:gd name="T5" fmla="*/ 0 h 79"/>
                  <a:gd name="T6" fmla="*/ 0 w 64"/>
                  <a:gd name="T7" fmla="*/ 22 h 79"/>
                  <a:gd name="T8" fmla="*/ 0 60000 65536"/>
                  <a:gd name="T9" fmla="*/ 0 60000 65536"/>
                  <a:gd name="T10" fmla="*/ 0 60000 65536"/>
                  <a:gd name="T11" fmla="*/ 0 60000 65536"/>
                </a:gdLst>
                <a:ahLst/>
                <a:cxnLst>
                  <a:cxn ang="T8">
                    <a:pos x="T0" y="T1"/>
                  </a:cxn>
                  <a:cxn ang="T9">
                    <a:pos x="T2" y="T3"/>
                  </a:cxn>
                  <a:cxn ang="T10">
                    <a:pos x="T4" y="T5"/>
                  </a:cxn>
                  <a:cxn ang="T11">
                    <a:pos x="T6" y="T7"/>
                  </a:cxn>
                </a:cxnLst>
                <a:rect l="0" t="0" r="r" b="b"/>
                <a:pathLst>
                  <a:path w="64" h="79">
                    <a:moveTo>
                      <a:pt x="0" y="22"/>
                    </a:moveTo>
                    <a:lnTo>
                      <a:pt x="64" y="79"/>
                    </a:lnTo>
                    <a:lnTo>
                      <a:pt x="60" y="0"/>
                    </a:lnTo>
                    <a:lnTo>
                      <a:pt x="0" y="22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68" name="Freeform 39">
                <a:extLst>
                  <a:ext uri="{FF2B5EF4-FFF2-40B4-BE49-F238E27FC236}">
                    <a16:creationId xmlns:a16="http://schemas.microsoft.com/office/drawing/2014/main" id="{F3E2DBD1-017E-BAE7-ED52-572306E003DF}"/>
                  </a:ext>
                </a:extLst>
              </p:cNvPr>
              <p:cNvSpPr>
                <a:spLocks/>
              </p:cNvSpPr>
              <p:nvPr userDrawn="1"/>
            </p:nvSpPr>
            <p:spPr bwMode="hidden">
              <a:xfrm>
                <a:off x="867" y="2471"/>
                <a:ext cx="137" cy="207"/>
              </a:xfrm>
              <a:custGeom>
                <a:avLst/>
                <a:gdLst>
                  <a:gd name="T0" fmla="*/ 0 w 137"/>
                  <a:gd name="T1" fmla="*/ 0 h 207"/>
                  <a:gd name="T2" fmla="*/ 17 w 137"/>
                  <a:gd name="T3" fmla="*/ 87 h 207"/>
                  <a:gd name="T4" fmla="*/ 69 w 137"/>
                  <a:gd name="T5" fmla="*/ 154 h 207"/>
                  <a:gd name="T6" fmla="*/ 137 w 137"/>
                  <a:gd name="T7" fmla="*/ 207 h 207"/>
                  <a:gd name="T8" fmla="*/ 0 w 137"/>
                  <a:gd name="T9" fmla="*/ 0 h 207"/>
                  <a:gd name="T10" fmla="*/ 0 60000 65536"/>
                  <a:gd name="T11" fmla="*/ 0 60000 65536"/>
                  <a:gd name="T12" fmla="*/ 0 60000 65536"/>
                  <a:gd name="T13" fmla="*/ 0 60000 65536"/>
                  <a:gd name="T14" fmla="*/ 0 60000 65536"/>
                </a:gdLst>
                <a:ahLst/>
                <a:cxnLst>
                  <a:cxn ang="T10">
                    <a:pos x="T0" y="T1"/>
                  </a:cxn>
                  <a:cxn ang="T11">
                    <a:pos x="T2" y="T3"/>
                  </a:cxn>
                  <a:cxn ang="T12">
                    <a:pos x="T4" y="T5"/>
                  </a:cxn>
                  <a:cxn ang="T13">
                    <a:pos x="T6" y="T7"/>
                  </a:cxn>
                  <a:cxn ang="T14">
                    <a:pos x="T8" y="T9"/>
                  </a:cxn>
                </a:cxnLst>
                <a:rect l="0" t="0" r="r" b="b"/>
                <a:pathLst>
                  <a:path w="137" h="207">
                    <a:moveTo>
                      <a:pt x="0" y="0"/>
                    </a:moveTo>
                    <a:lnTo>
                      <a:pt x="17" y="87"/>
                    </a:lnTo>
                    <a:lnTo>
                      <a:pt x="69" y="154"/>
                    </a:lnTo>
                    <a:lnTo>
                      <a:pt x="137" y="207"/>
                    </a:lnTo>
                    <a:lnTo>
                      <a:pt x="0" y="0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1069" name="Freeform 40">
                <a:extLst>
                  <a:ext uri="{FF2B5EF4-FFF2-40B4-BE49-F238E27FC236}">
                    <a16:creationId xmlns:a16="http://schemas.microsoft.com/office/drawing/2014/main" id="{93B2942B-FD0F-ACE2-E277-F6976E7B8B83}"/>
                  </a:ext>
                </a:extLst>
              </p:cNvPr>
              <p:cNvSpPr>
                <a:spLocks/>
              </p:cNvSpPr>
              <p:nvPr userDrawn="1"/>
            </p:nvSpPr>
            <p:spPr bwMode="hidden">
              <a:xfrm>
                <a:off x="817" y="2507"/>
                <a:ext cx="65" cy="222"/>
              </a:xfrm>
              <a:custGeom>
                <a:avLst/>
                <a:gdLst>
                  <a:gd name="T0" fmla="*/ 0 w 65"/>
                  <a:gd name="T1" fmla="*/ 222 h 222"/>
                  <a:gd name="T2" fmla="*/ 40 w 65"/>
                  <a:gd name="T3" fmla="*/ 142 h 222"/>
                  <a:gd name="T4" fmla="*/ 65 w 65"/>
                  <a:gd name="T5" fmla="*/ 72 h 222"/>
                  <a:gd name="T6" fmla="*/ 7 w 65"/>
                  <a:gd name="T7" fmla="*/ 0 h 222"/>
                  <a:gd name="T8" fmla="*/ 0 w 65"/>
                  <a:gd name="T9" fmla="*/ 222 h 222"/>
                  <a:gd name="T10" fmla="*/ 0 60000 65536"/>
                  <a:gd name="T11" fmla="*/ 0 60000 65536"/>
                  <a:gd name="T12" fmla="*/ 0 60000 65536"/>
                  <a:gd name="T13" fmla="*/ 0 60000 65536"/>
                  <a:gd name="T14" fmla="*/ 0 60000 65536"/>
                </a:gdLst>
                <a:ahLst/>
                <a:cxnLst>
                  <a:cxn ang="T10">
                    <a:pos x="T0" y="T1"/>
                  </a:cxn>
                  <a:cxn ang="T11">
                    <a:pos x="T2" y="T3"/>
                  </a:cxn>
                  <a:cxn ang="T12">
                    <a:pos x="T4" y="T5"/>
                  </a:cxn>
                  <a:cxn ang="T13">
                    <a:pos x="T6" y="T7"/>
                  </a:cxn>
                  <a:cxn ang="T14">
                    <a:pos x="T8" y="T9"/>
                  </a:cxn>
                </a:cxnLst>
                <a:rect l="0" t="0" r="r" b="b"/>
                <a:pathLst>
                  <a:path w="65" h="222">
                    <a:moveTo>
                      <a:pt x="0" y="222"/>
                    </a:moveTo>
                    <a:lnTo>
                      <a:pt x="40" y="142"/>
                    </a:lnTo>
                    <a:lnTo>
                      <a:pt x="65" y="72"/>
                    </a:lnTo>
                    <a:lnTo>
                      <a:pt x="7" y="0"/>
                    </a:lnTo>
                    <a:lnTo>
                      <a:pt x="0" y="222"/>
                    </a:lnTo>
                    <a:close/>
                  </a:path>
                </a:pathLst>
              </a:custGeom>
              <a:solidFill>
                <a:schemeClr val="bg2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endParaRPr lang="en-US"/>
              </a:p>
            </p:txBody>
          </p:sp>
        </p:grpSp>
      </p:grpSp>
      <p:sp>
        <p:nvSpPr>
          <p:cNvPr id="6185" name="Rectangle 41">
            <a:extLst>
              <a:ext uri="{FF2B5EF4-FFF2-40B4-BE49-F238E27FC236}">
                <a16:creationId xmlns:a16="http://schemas.microsoft.com/office/drawing/2014/main" id="{F2DE1A3E-8644-B9E3-C8B5-29F495E99B78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158750"/>
            <a:ext cx="8229600" cy="1258888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itle style</a:t>
            </a:r>
          </a:p>
        </p:txBody>
      </p:sp>
      <p:sp>
        <p:nvSpPr>
          <p:cNvPr id="6186" name="Rectangle 42">
            <a:extLst>
              <a:ext uri="{FF2B5EF4-FFF2-40B4-BE49-F238E27FC236}">
                <a16:creationId xmlns:a16="http://schemas.microsoft.com/office/drawing/2014/main" id="{F722F01D-ED5C-D9A6-0E5B-878C93CC8487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30725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187" name="Rectangle 43">
            <a:extLst>
              <a:ext uri="{FF2B5EF4-FFF2-40B4-BE49-F238E27FC236}">
                <a16:creationId xmlns:a16="http://schemas.microsoft.com/office/drawing/2014/main" id="{6EA1513C-0B9B-6819-B7D0-6B3C616379AC}"/>
              </a:ext>
            </a:extLst>
          </p:cNvPr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3638"/>
            <a:ext cx="2133600" cy="4572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eaLnBrk="1" hangingPunct="1">
              <a:defRPr sz="1000">
                <a:effectLst>
                  <a:outerShdw blurRad="38100" dist="38100" dir="2700000" algn="tl">
                    <a:srgbClr val="000000"/>
                  </a:outerShdw>
                </a:effectLst>
                <a:latin typeface="Verdana" charset="0"/>
                <a:ea typeface="ＭＳ Ｐゴシック" charset="0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188" name="Rectangle 44">
            <a:extLst>
              <a:ext uri="{FF2B5EF4-FFF2-40B4-BE49-F238E27FC236}">
                <a16:creationId xmlns:a16="http://schemas.microsoft.com/office/drawing/2014/main" id="{B2C0FB76-46E7-D2C0-4439-2B6B5F44FF87}"/>
              </a:ext>
            </a:extLst>
          </p:cNvPr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 eaLnBrk="1" hangingPunct="1">
              <a:defRPr sz="1000">
                <a:effectLst>
                  <a:outerShdw blurRad="38100" dist="38100" dir="2700000" algn="tl">
                    <a:srgbClr val="000000"/>
                  </a:outerShdw>
                </a:effectLst>
                <a:latin typeface="Verdana" charset="0"/>
                <a:ea typeface="ＭＳ Ｐゴシック" charset="0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189" name="Rectangle 45">
            <a:extLst>
              <a:ext uri="{FF2B5EF4-FFF2-40B4-BE49-F238E27FC236}">
                <a16:creationId xmlns:a16="http://schemas.microsoft.com/office/drawing/2014/main" id="{9CF9D03A-3E78-2276-1AF4-9A5E32D55266}"/>
              </a:ext>
            </a:extLst>
          </p:cNvPr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3638"/>
            <a:ext cx="2133600" cy="457200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>
                <a:effectLst>
                  <a:outerShdw blurRad="38100" dist="38100" dir="2700000" algn="tl">
                    <a:srgbClr val="000000"/>
                  </a:outerShdw>
                </a:effectLst>
              </a:defRPr>
            </a:lvl1pPr>
          </a:lstStyle>
          <a:p>
            <a:pPr>
              <a:defRPr/>
            </a:pPr>
            <a:fld id="{F488426D-4EDD-41CD-8625-0723FCA124EB}" type="slidenum">
              <a:rPr lang="en-US" altLang="en-US"/>
              <a:pPr>
                <a:defRPr/>
              </a:pPr>
              <a:t>‹#›</a:t>
            </a:fld>
            <a:endParaRPr lang="en-US" altLang="en-US"/>
          </a:p>
        </p:txBody>
      </p:sp>
    </p:spTree>
  </p:cSld>
  <p:clrMap bg1="dk2" tx1="lt1" bg2="dk1" tx2="lt2" accent1="accent1" accent2="accent2" accent3="accent3" accent4="accent4" accent5="accent5" accent6="accent6" hlink="hlink" folHlink="folHlink"/>
  <p:sldLayoutIdLst>
    <p:sldLayoutId id="2147483960" r:id="rId1"/>
    <p:sldLayoutId id="2147483950" r:id="rId2"/>
    <p:sldLayoutId id="2147483951" r:id="rId3"/>
    <p:sldLayoutId id="2147483952" r:id="rId4"/>
    <p:sldLayoutId id="2147483953" r:id="rId5"/>
    <p:sldLayoutId id="2147483954" r:id="rId6"/>
    <p:sldLayoutId id="2147483955" r:id="rId7"/>
    <p:sldLayoutId id="2147483956" r:id="rId8"/>
    <p:sldLayoutId id="2147483957" r:id="rId9"/>
    <p:sldLayoutId id="2147483958" r:id="rId10"/>
    <p:sldLayoutId id="2147483959" r:id="rId11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+mj-lt"/>
          <a:ea typeface="ＭＳ Ｐゴシック" panose="020B0600070205080204" pitchFamily="34" charset="-128"/>
          <a:cs typeface="ＭＳ Ｐゴシック" charset="0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Arial" charset="0"/>
          <a:ea typeface="ＭＳ Ｐゴシック" panose="020B0600070205080204" pitchFamily="34" charset="-128"/>
          <a:cs typeface="ＭＳ Ｐゴシック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Arial" charset="0"/>
          <a:ea typeface="ＭＳ Ｐゴシック" panose="020B0600070205080204" pitchFamily="34" charset="-128"/>
          <a:cs typeface="ＭＳ Ｐゴシック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Arial" charset="0"/>
          <a:ea typeface="ＭＳ Ｐゴシック" panose="020B0600070205080204" pitchFamily="34" charset="-128"/>
          <a:cs typeface="ＭＳ Ｐゴシック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Arial" charset="0"/>
          <a:ea typeface="ＭＳ Ｐゴシック" panose="020B0600070205080204" pitchFamily="34" charset="-128"/>
          <a:cs typeface="ＭＳ Ｐゴシック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Arial" charset="0"/>
          <a:ea typeface="ＭＳ Ｐゴシック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Arial" charset="0"/>
          <a:ea typeface="ＭＳ Ｐゴシック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Arial" charset="0"/>
          <a:ea typeface="ＭＳ Ｐゴシック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Arial" charset="0"/>
          <a:ea typeface="ＭＳ Ｐゴシック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Font typeface="Wingdings" panose="05000000000000000000" pitchFamily="2" charset="2"/>
        <a:buBlip>
          <a:blip r:embed="rId13"/>
        </a:buBlip>
        <a:defRPr sz="32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ＭＳ Ｐゴシック" panose="020B0600070205080204" pitchFamily="34" charset="-128"/>
          <a:cs typeface="ＭＳ Ｐゴシック" charset="0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ＭＳ Ｐゴシック" panose="020B0600070205080204" pitchFamily="34" charset="-128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Font typeface="Wingdings" panose="05000000000000000000" pitchFamily="2" charset="2"/>
        <a:buBlip>
          <a:blip r:embed="rId13"/>
        </a:buBlip>
        <a:defRPr sz="24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ＭＳ Ｐゴシック" panose="020B0600070205080204" pitchFamily="34" charset="-128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ＭＳ Ｐゴシック" panose="020B0600070205080204" pitchFamily="34" charset="-128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Font typeface="Wingdings" panose="05000000000000000000" pitchFamily="2" charset="2"/>
        <a:buBlip>
          <a:blip r:embed="rId13"/>
        </a:buBlip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ＭＳ Ｐゴシック" panose="020B0600070205080204" pitchFamily="34" charset="-128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lr>
          <a:schemeClr val="hlink"/>
        </a:buClr>
        <a:buFont typeface="Wingdings" charset="0"/>
        <a:buBlip>
          <a:blip r:embed="rId13"/>
        </a:buBlip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+mn-ea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lr>
          <a:schemeClr val="hlink"/>
        </a:buClr>
        <a:buFont typeface="Wingdings" charset="0"/>
        <a:buBlip>
          <a:blip r:embed="rId13"/>
        </a:buBlip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+mn-ea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lr>
          <a:schemeClr val="hlink"/>
        </a:buClr>
        <a:buFont typeface="Wingdings" charset="0"/>
        <a:buBlip>
          <a:blip r:embed="rId13"/>
        </a:buBlip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+mn-ea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lr>
          <a:schemeClr val="hlink"/>
        </a:buClr>
        <a:buFont typeface="Wingdings" charset="0"/>
        <a:buBlip>
          <a:blip r:embed="rId13"/>
        </a:buBlip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+mn-ea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>
            <a:extLst>
              <a:ext uri="{FF2B5EF4-FFF2-40B4-BE49-F238E27FC236}">
                <a16:creationId xmlns:a16="http://schemas.microsoft.com/office/drawing/2014/main" id="{8F2289DA-B34E-FAB6-3DFE-291060E3E398}"/>
              </a:ext>
            </a:extLst>
          </p:cNvPr>
          <p:cNvSpPr>
            <a:spLocks noGrp="1" noChangeArrowheads="1"/>
          </p:cNvSpPr>
          <p:nvPr>
            <p:ph type="ctrTitle"/>
          </p:nvPr>
        </p:nvSpPr>
        <p:spPr>
          <a:xfrm>
            <a:off x="685800" y="2873375"/>
            <a:ext cx="7772400" cy="1470025"/>
          </a:xfrm>
        </p:spPr>
        <p:txBody>
          <a:bodyPr/>
          <a:lstStyle/>
          <a:p>
            <a:pPr eaLnBrk="1" hangingPunct="1">
              <a:defRPr/>
            </a:pPr>
            <a:r>
              <a:rPr lang="en-US" altLang="en-US" dirty="0">
                <a:ea typeface="+mj-ea"/>
              </a:rPr>
              <a:t>Teammate Evaluation</a:t>
            </a:r>
            <a:br>
              <a:rPr lang="en-US" altLang="en-US" dirty="0">
                <a:ea typeface="+mj-ea"/>
              </a:rPr>
            </a:br>
            <a:r>
              <a:rPr lang="en-US" altLang="en-US" sz="3200" dirty="0">
                <a:ea typeface="+mj-ea"/>
              </a:rPr>
              <a:t>Rationale #4</a:t>
            </a:r>
            <a:endParaRPr lang="en-US" altLang="en-US" dirty="0">
              <a:ea typeface="+mj-ea"/>
            </a:endParaRPr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BDFC540-0D40-CB0B-251A-B717FCF8690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158750"/>
            <a:ext cx="8229600" cy="1974850"/>
          </a:xfrm>
        </p:spPr>
        <p:txBody>
          <a:bodyPr/>
          <a:lstStyle/>
          <a:p>
            <a:pPr>
              <a:defRPr/>
            </a:pPr>
            <a:r>
              <a:rPr lang="en-US" dirty="0">
                <a:ea typeface="MS PGothic" panose="020B0600070205080204" pitchFamily="34" charset="-128"/>
              </a:rPr>
              <a:t>Should contributions to your team count?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28A3F26-7150-9DF8-F703-F80F0B8D635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57200" y="2590800"/>
            <a:ext cx="8229600" cy="1247775"/>
          </a:xfrm>
        </p:spPr>
        <p:txBody>
          <a:bodyPr/>
          <a:lstStyle/>
          <a:p>
            <a:pPr>
              <a:defRPr/>
            </a:pPr>
            <a:r>
              <a:rPr lang="en-US" dirty="0">
                <a:ea typeface="MS PGothic" panose="020B0600070205080204" pitchFamily="34" charset="-128"/>
              </a:rPr>
              <a:t>Should strong contributors score better than weak contributors?</a:t>
            </a:r>
          </a:p>
        </p:txBody>
      </p:sp>
      <p:pic>
        <p:nvPicPr>
          <p:cNvPr id="6148" name="Picture 2" descr="Image result for free clip art teamwork">
            <a:extLst>
              <a:ext uri="{FF2B5EF4-FFF2-40B4-BE49-F238E27FC236}">
                <a16:creationId xmlns:a16="http://schemas.microsoft.com/office/drawing/2014/main" id="{F17BE048-63DA-70BC-AD84-9A3D4C29AB6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8200" y="3838575"/>
            <a:ext cx="3055938" cy="22923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Content Placeholder 2">
            <a:extLst>
              <a:ext uri="{FF2B5EF4-FFF2-40B4-BE49-F238E27FC236}">
                <a16:creationId xmlns:a16="http://schemas.microsoft.com/office/drawing/2014/main" id="{F0D720FE-185F-84DC-6207-3E2828C10EE0}"/>
              </a:ext>
            </a:extLst>
          </p:cNvPr>
          <p:cNvSpPr txBox="1">
            <a:spLocks/>
          </p:cNvSpPr>
          <p:nvPr/>
        </p:nvSpPr>
        <p:spPr bwMode="auto">
          <a:xfrm>
            <a:off x="4038600" y="4086225"/>
            <a:ext cx="4800600" cy="1476375"/>
          </a:xfrm>
          <a:prstGeom prst="rect">
            <a:avLst/>
          </a:prstGeom>
          <a:noFill/>
          <a:ln>
            <a:noFill/>
          </a:ln>
          <a:effectLst/>
        </p:spPr>
        <p:txBody>
          <a:bodyPr/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Font typeface="Wingdings" panose="05000000000000000000" pitchFamily="2" charset="2"/>
              <a:buBlip>
                <a:blip r:embed="rId3"/>
              </a:buBlip>
              <a:defRPr sz="3200">
                <a:solidFill>
                  <a:schemeClr val="tx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+mn-lt"/>
                <a:ea typeface="MS PGothic" panose="020B0600070205080204" pitchFamily="34" charset="-128"/>
                <a:cs typeface="ＭＳ Ｐゴシック" charset="0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sz="2800">
                <a:solidFill>
                  <a:schemeClr val="tx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+mn-lt"/>
                <a:ea typeface="MS PGothic" panose="020B0600070205080204" pitchFamily="34" charset="-128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Font typeface="Wingdings" panose="05000000000000000000" pitchFamily="2" charset="2"/>
              <a:buBlip>
                <a:blip r:embed="rId3"/>
              </a:buBlip>
              <a:defRPr sz="2400">
                <a:solidFill>
                  <a:schemeClr val="tx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+mn-lt"/>
                <a:ea typeface="MS PGothic" panose="020B0600070205080204" pitchFamily="34" charset="-128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sz="2000">
                <a:solidFill>
                  <a:schemeClr val="tx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+mn-lt"/>
                <a:ea typeface="MS PGothic" panose="020B0600070205080204" pitchFamily="34" charset="-128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Font typeface="Wingdings" panose="05000000000000000000" pitchFamily="2" charset="2"/>
              <a:buBlip>
                <a:blip r:embed="rId3"/>
              </a:buBlip>
              <a:defRPr sz="2000">
                <a:solidFill>
                  <a:schemeClr val="tx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+mn-lt"/>
                <a:ea typeface="MS PGothic" panose="020B0600070205080204" pitchFamily="34" charset="-128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Font typeface="Wingdings" charset="0"/>
              <a:buBlip>
                <a:blip r:embed="rId3"/>
              </a:buBlip>
              <a:defRPr sz="2000">
                <a:solidFill>
                  <a:schemeClr val="tx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Font typeface="Wingdings" charset="0"/>
              <a:buBlip>
                <a:blip r:embed="rId3"/>
              </a:buBlip>
              <a:defRPr sz="2000">
                <a:solidFill>
                  <a:schemeClr val="tx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Font typeface="Wingdings" charset="0"/>
              <a:buBlip>
                <a:blip r:embed="rId3"/>
              </a:buBlip>
              <a:defRPr sz="2000">
                <a:solidFill>
                  <a:schemeClr val="tx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Font typeface="Wingdings" charset="0"/>
              <a:buBlip>
                <a:blip r:embed="rId3"/>
              </a:buBlip>
              <a:defRPr sz="2000">
                <a:solidFill>
                  <a:schemeClr val="tx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+mn-lt"/>
                <a:ea typeface="+mn-ea"/>
              </a:defRPr>
            </a:lvl9pPr>
          </a:lstStyle>
          <a:p>
            <a:pPr>
              <a:defRPr/>
            </a:pPr>
            <a:r>
              <a:rPr lang="en-US" kern="0" dirty="0"/>
              <a:t>Then everyone can’t get the same score!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D089D31-9374-B395-B9D3-201BC62C2AF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158750"/>
            <a:ext cx="8229600" cy="973138"/>
          </a:xfrm>
        </p:spPr>
        <p:txBody>
          <a:bodyPr/>
          <a:lstStyle/>
          <a:p>
            <a:pPr>
              <a:defRPr/>
            </a:pPr>
            <a:r>
              <a:rPr lang="en-US" altLang="en-US" dirty="0">
                <a:ea typeface="MS PGothic" panose="020B0600070205080204" pitchFamily="34" charset="-128"/>
              </a:rPr>
              <a:t>But they used to …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780FC6B-9C78-9D53-8D9E-461E11A21D7C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defRPr/>
            </a:pPr>
            <a:r>
              <a:rPr lang="en-US" dirty="0">
                <a:ea typeface="+mn-ea"/>
              </a:rPr>
              <a:t>Average teammate review score before we changed the rubric</a:t>
            </a:r>
          </a:p>
          <a:p>
            <a:pPr lvl="1">
              <a:defRPr/>
            </a:pPr>
            <a:r>
              <a:rPr lang="en-US" dirty="0">
                <a:ea typeface="+mn-ea"/>
              </a:rPr>
              <a:t>Spring 2016	96.2%</a:t>
            </a:r>
          </a:p>
          <a:p>
            <a:pPr lvl="1">
              <a:defRPr/>
            </a:pPr>
            <a:r>
              <a:rPr lang="en-US" dirty="0">
                <a:ea typeface="+mn-ea"/>
              </a:rPr>
              <a:t>Fall 2015		97.9%</a:t>
            </a:r>
          </a:p>
          <a:p>
            <a:pPr lvl="1">
              <a:defRPr/>
            </a:pPr>
            <a:r>
              <a:rPr lang="en-US" dirty="0">
                <a:ea typeface="+mn-ea"/>
              </a:rPr>
              <a:t>Spring 2015	97.0%</a:t>
            </a:r>
          </a:p>
          <a:p>
            <a:pPr lvl="1">
              <a:defRPr/>
            </a:pPr>
            <a:endParaRPr lang="en-US" dirty="0">
              <a:ea typeface="+mn-ea"/>
            </a:endParaRPr>
          </a:p>
        </p:txBody>
      </p:sp>
      <p:pic>
        <p:nvPicPr>
          <p:cNvPr id="7172" name="Picture 5" descr="Free Clipart Old Shack Image">
            <a:extLst>
              <a:ext uri="{FF2B5EF4-FFF2-40B4-BE49-F238E27FC236}">
                <a16:creationId xmlns:a16="http://schemas.microsoft.com/office/drawing/2014/main" id="{56C148ED-AE96-464C-F6C1-E111D81D3E5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72200" y="4200525"/>
            <a:ext cx="2114550" cy="21145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B698288-557A-3948-54BE-A7D56DF4BCB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158750"/>
            <a:ext cx="8229600" cy="973138"/>
          </a:xfrm>
        </p:spPr>
        <p:txBody>
          <a:bodyPr/>
          <a:lstStyle/>
          <a:p>
            <a:pPr>
              <a:defRPr/>
            </a:pPr>
            <a:r>
              <a:rPr lang="en-US" altLang="en-US">
                <a:ea typeface="MS PGothic" panose="020B0600070205080204" pitchFamily="34" charset="-128"/>
              </a:rPr>
              <a:t>Teammate Review Issue …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208AB011-B4C4-9ABC-12DB-FCB0BA6DD507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defRPr/>
            </a:pPr>
            <a:r>
              <a:rPr lang="en-US" altLang="en-US" dirty="0">
                <a:ea typeface="MS PGothic" panose="020B0600070205080204" pitchFamily="34" charset="-128"/>
              </a:rPr>
              <a:t>And the median teammate review score?</a:t>
            </a:r>
          </a:p>
          <a:p>
            <a:pPr marL="457200" lvl="1" indent="0">
              <a:buFontTx/>
              <a:buNone/>
              <a:defRPr/>
            </a:pPr>
            <a:r>
              <a:rPr lang="en-US" altLang="en-US" dirty="0">
                <a:ea typeface="MS PGothic" panose="020B0600070205080204" pitchFamily="34" charset="-128"/>
              </a:rPr>
              <a:t> 				Avg.		Median</a:t>
            </a:r>
          </a:p>
          <a:p>
            <a:pPr lvl="1">
              <a:defRPr/>
            </a:pPr>
            <a:r>
              <a:rPr lang="en-US" altLang="en-US" dirty="0">
                <a:ea typeface="MS PGothic" panose="020B0600070205080204" pitchFamily="34" charset="-128"/>
              </a:rPr>
              <a:t>Spring 2016	96.2%	99.0%</a:t>
            </a:r>
          </a:p>
          <a:p>
            <a:pPr lvl="1">
              <a:defRPr/>
            </a:pPr>
            <a:r>
              <a:rPr lang="en-US" altLang="en-US" dirty="0">
                <a:ea typeface="MS PGothic" panose="020B0600070205080204" pitchFamily="34" charset="-128"/>
              </a:rPr>
              <a:t>Fall 2015		97.9%	99.0%</a:t>
            </a:r>
          </a:p>
          <a:p>
            <a:pPr lvl="1">
              <a:defRPr/>
            </a:pPr>
            <a:r>
              <a:rPr lang="en-US" altLang="en-US" dirty="0">
                <a:ea typeface="MS PGothic" panose="020B0600070205080204" pitchFamily="34" charset="-128"/>
              </a:rPr>
              <a:t>Spring 2015	97.0%	99.0%</a:t>
            </a:r>
          </a:p>
          <a:p>
            <a:pPr>
              <a:defRPr/>
            </a:pPr>
            <a:r>
              <a:rPr lang="en-US" altLang="en-US" dirty="0">
                <a:ea typeface="MS PGothic" panose="020B0600070205080204" pitchFamily="34" charset="-128"/>
              </a:rPr>
              <a:t>So … team contributions don</a:t>
            </a:r>
            <a:r>
              <a:rPr lang="ja-JP" altLang="en-US" dirty="0">
                <a:ea typeface="MS PGothic" panose="020B0600070205080204" pitchFamily="34" charset="-128"/>
              </a:rPr>
              <a:t>’</a:t>
            </a:r>
            <a:r>
              <a:rPr lang="en-US" altLang="ja-JP" dirty="0">
                <a:ea typeface="MS PGothic" panose="020B0600070205080204" pitchFamily="34" charset="-128"/>
              </a:rPr>
              <a:t>t count!</a:t>
            </a:r>
          </a:p>
          <a:p>
            <a:pPr lvl="1">
              <a:defRPr/>
            </a:pPr>
            <a:endParaRPr lang="en-US" altLang="en-US" dirty="0">
              <a:ea typeface="MS PGothic" panose="020B0600070205080204" pitchFamily="34" charset="-128"/>
            </a:endParaRPr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5541CC8-A42C-52EF-A21C-2BB2F50DAE0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>
              <a:defRPr/>
            </a:pPr>
            <a:r>
              <a:rPr lang="en-US" altLang="en-US">
                <a:ea typeface="MS PGothic" panose="020B0600070205080204" pitchFamily="34" charset="-128"/>
              </a:rPr>
              <a:t>Ideas for new rubric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E15EAE2-03EB-5408-32F6-CC21FC675B94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defRPr/>
            </a:pPr>
            <a:r>
              <a:rPr lang="en-US" altLang="en-US">
                <a:ea typeface="MS PGothic" panose="020B0600070205080204" pitchFamily="34" charset="-128"/>
              </a:rPr>
              <a:t>More quantitative data</a:t>
            </a:r>
          </a:p>
          <a:p>
            <a:pPr>
              <a:defRPr/>
            </a:pPr>
            <a:r>
              <a:rPr lang="en-US" altLang="en-US">
                <a:ea typeface="MS PGothic" panose="020B0600070205080204" pitchFamily="34" charset="-128"/>
              </a:rPr>
              <a:t>Automatically collected data</a:t>
            </a:r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>
            <a:extLst>
              <a:ext uri="{FF2B5EF4-FFF2-40B4-BE49-F238E27FC236}">
                <a16:creationId xmlns:a16="http://schemas.microsoft.com/office/drawing/2014/main" id="{0BB807E4-A232-2452-8140-583865BABB9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816266966"/>
              </p:ext>
            </p:extLst>
          </p:nvPr>
        </p:nvGraphicFramePr>
        <p:xfrm>
          <a:off x="609600" y="914400"/>
          <a:ext cx="8001000" cy="509016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Rectangle 4">
            <a:extLst>
              <a:ext uri="{FF2B5EF4-FFF2-40B4-BE49-F238E27FC236}">
                <a16:creationId xmlns:a16="http://schemas.microsoft.com/office/drawing/2014/main" id="{D829687E-6953-0524-886A-5855859D8FA6}"/>
              </a:ext>
            </a:extLst>
          </p:cNvPr>
          <p:cNvSpPr/>
          <p:nvPr/>
        </p:nvSpPr>
        <p:spPr bwMode="auto">
          <a:xfrm>
            <a:off x="2590800" y="1905000"/>
            <a:ext cx="2209800" cy="3581400"/>
          </a:xfrm>
          <a:prstGeom prst="rect">
            <a:avLst/>
          </a:prstGeom>
          <a:solidFill>
            <a:schemeClr val="accent1">
              <a:alpha val="20000"/>
            </a:schemeClr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  <a:extLs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Verdana" charset="0"/>
              <a:ea typeface="ＭＳ Ｐゴシック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>
          <a:extLst>
            <a:ext uri="{FF2B5EF4-FFF2-40B4-BE49-F238E27FC236}">
              <a16:creationId xmlns:a16="http://schemas.microsoft.com/office/drawing/2014/main" id="{ACDA79EB-D7C0-BA34-C1B5-354FEAED2FAA}"/>
            </a:ext>
          </a:extLst>
        </p:cNvPr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>
            <a:extLst>
              <a:ext uri="{FF2B5EF4-FFF2-40B4-BE49-F238E27FC236}">
                <a16:creationId xmlns:a16="http://schemas.microsoft.com/office/drawing/2014/main" id="{B63EDAEE-2469-BCF1-C41D-79296E64987F}"/>
              </a:ext>
            </a:extLst>
          </p:cNvPr>
          <p:cNvGraphicFramePr>
            <a:graphicFrameLocks/>
          </p:cNvGraphicFramePr>
          <p:nvPr/>
        </p:nvGraphicFramePr>
        <p:xfrm>
          <a:off x="609600" y="914400"/>
          <a:ext cx="8001000" cy="509016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1684562159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06D8B21-B37D-B184-4D5D-CF9C59EF861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>
              <a:defRPr/>
            </a:pPr>
            <a:r>
              <a:rPr lang="en-US" altLang="en-US">
                <a:ea typeface="MS PGothic" panose="020B0600070205080204" pitchFamily="34" charset="-128"/>
              </a:rPr>
              <a:t>New rubric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FEE0359A-864B-D00D-CA41-FD4E16B0C70B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57200" y="1600200"/>
            <a:ext cx="8382000" cy="4530725"/>
          </a:xfrm>
        </p:spPr>
        <p:txBody>
          <a:bodyPr/>
          <a:lstStyle/>
          <a:p>
            <a:pPr>
              <a:defRPr/>
            </a:pPr>
            <a:r>
              <a:rPr lang="en-US" sz="1400" b="1" dirty="0">
                <a:ea typeface="+mn-ea"/>
              </a:rPr>
              <a:t>Question</a:t>
            </a:r>
            <a:r>
              <a:rPr lang="en-US" sz="1400" dirty="0">
                <a:ea typeface="+mn-ea"/>
              </a:rPr>
              <a:t>	  				</a:t>
            </a:r>
            <a:r>
              <a:rPr lang="en-US" sz="1400" b="1" dirty="0">
                <a:ea typeface="+mn-ea"/>
              </a:rPr>
              <a:t>Score Range  </a:t>
            </a:r>
          </a:p>
          <a:p>
            <a:pPr>
              <a:defRPr/>
            </a:pPr>
            <a:r>
              <a:rPr lang="en-US" sz="1200" dirty="0">
                <a:ea typeface="+mn-ea"/>
              </a:rPr>
              <a:t>How many times was this person late to meetings?	</a:t>
            </a:r>
            <a:r>
              <a:rPr lang="en-US" sz="1200" dirty="0">
                <a:solidFill>
                  <a:schemeClr val="tx2"/>
                </a:solidFill>
                <a:ea typeface="+mn-ea"/>
              </a:rPr>
              <a:t>(Almost always) 0 to 5 (Almost never)</a:t>
            </a:r>
          </a:p>
          <a:p>
            <a:pPr>
              <a:defRPr/>
            </a:pPr>
            <a:r>
              <a:rPr lang="en-US" sz="1200" dirty="0">
                <a:ea typeface="+mn-ea"/>
              </a:rPr>
              <a:t>How many times did this person fail to show up?	</a:t>
            </a:r>
            <a:r>
              <a:rPr lang="en-US" sz="1200" dirty="0">
                <a:solidFill>
                  <a:schemeClr val="tx2"/>
                </a:solidFill>
                <a:ea typeface="+mn-ea"/>
              </a:rPr>
              <a:t>(Almost always) 0 to 5 (Almost never)</a:t>
            </a:r>
          </a:p>
          <a:p>
            <a:pPr>
              <a:defRPr/>
            </a:pPr>
            <a:r>
              <a:rPr lang="en-US" sz="1200" dirty="0">
                <a:ea typeface="+mn-ea"/>
              </a:rPr>
              <a:t>What fraction of the work assigned to this person did (s)he do? </a:t>
            </a:r>
            <a:r>
              <a:rPr lang="en-US" sz="1200" dirty="0">
                <a:solidFill>
                  <a:schemeClr val="tx2"/>
                </a:solidFill>
                <a:ea typeface="+mn-ea"/>
              </a:rPr>
              <a:t>(0% to 20%) 0 to 5 (80% to 100%)</a:t>
            </a:r>
          </a:p>
          <a:p>
            <a:pPr>
              <a:defRPr/>
            </a:pPr>
            <a:r>
              <a:rPr lang="en-US" sz="1200" dirty="0">
                <a:ea typeface="+mn-ea"/>
              </a:rPr>
              <a:t>Did this person do assigned work on time?		</a:t>
            </a:r>
            <a:r>
              <a:rPr lang="en-US" sz="1200" dirty="0">
                <a:solidFill>
                  <a:schemeClr val="tx2"/>
                </a:solidFill>
                <a:ea typeface="+mn-ea"/>
              </a:rPr>
              <a:t>(Never) 0 to 5 (Always)</a:t>
            </a:r>
          </a:p>
          <a:p>
            <a:pPr>
              <a:defRPr/>
            </a:pPr>
            <a:r>
              <a:rPr lang="en-US" sz="1200" dirty="0">
                <a:ea typeface="+mn-ea"/>
              </a:rPr>
              <a:t>How much initiative did this person take on this project?  </a:t>
            </a:r>
            <a:r>
              <a:rPr lang="en-US" sz="1200" dirty="0">
                <a:solidFill>
                  <a:schemeClr val="tx2"/>
                </a:solidFill>
                <a:ea typeface="+mn-ea"/>
              </a:rPr>
              <a:t>(Total deadbeat) 0 to 5 (A whole lot)</a:t>
            </a:r>
          </a:p>
          <a:p>
            <a:pPr>
              <a:defRPr/>
            </a:pPr>
            <a:r>
              <a:rPr lang="en-US" sz="1200" dirty="0">
                <a:ea typeface="+mn-ea"/>
              </a:rPr>
              <a:t>Did this person shirk any task necessary for completing the project?  </a:t>
            </a:r>
            <a:r>
              <a:rPr lang="en-US" sz="1200" dirty="0">
                <a:solidFill>
                  <a:schemeClr val="tx2"/>
                </a:solidFill>
                <a:ea typeface="+mn-ea"/>
              </a:rPr>
              <a:t>(Absolutely) 0 to 5 (Not at all)</a:t>
            </a:r>
          </a:p>
          <a:p>
            <a:pPr>
              <a:defRPr/>
            </a:pPr>
            <a:r>
              <a:rPr lang="en-US" sz="1200" dirty="0">
                <a:ea typeface="+mn-ea"/>
              </a:rPr>
              <a:t>Did you need to clean up any of the code written by this team member? </a:t>
            </a:r>
            <a:r>
              <a:rPr lang="en-US" sz="1200" dirty="0">
                <a:solidFill>
                  <a:schemeClr val="tx2"/>
                </a:solidFill>
                <a:ea typeface="+mn-ea"/>
              </a:rPr>
              <a:t>(Always) 0 to 5 (Never)</a:t>
            </a:r>
          </a:p>
          <a:p>
            <a:pPr>
              <a:defRPr/>
            </a:pPr>
            <a:r>
              <a:rPr lang="en-US" sz="1200" dirty="0">
                <a:ea typeface="+mn-ea"/>
              </a:rPr>
              <a:t>Did this person make any unneeded modifications that did not benefit the project, but may have increased their score on the </a:t>
            </a:r>
            <a:r>
              <a:rPr lang="en-US" sz="1200" dirty="0" err="1">
                <a:ea typeface="+mn-ea"/>
              </a:rPr>
              <a:t>Github</a:t>
            </a:r>
            <a:r>
              <a:rPr lang="en-US" sz="1200" dirty="0">
                <a:ea typeface="+mn-ea"/>
              </a:rPr>
              <a:t> metrics?	</a:t>
            </a:r>
            <a:r>
              <a:rPr lang="en-US" sz="1200" dirty="0">
                <a:solidFill>
                  <a:schemeClr val="tx2"/>
                </a:solidFill>
                <a:ea typeface="+mn-ea"/>
              </a:rPr>
              <a:t>(Yes, many) 0 to 5 (Not at all)</a:t>
            </a:r>
          </a:p>
          <a:p>
            <a:pPr>
              <a:defRPr/>
            </a:pPr>
            <a:r>
              <a:rPr lang="en-US" sz="1200" dirty="0">
                <a:ea typeface="+mn-ea"/>
              </a:rPr>
              <a:t>Did this person exhibit behaviors that could cause dissension on the team? </a:t>
            </a:r>
            <a:r>
              <a:rPr lang="en-US" sz="1200" dirty="0">
                <a:solidFill>
                  <a:schemeClr val="tx2"/>
                </a:solidFill>
                <a:ea typeface="+mn-ea"/>
              </a:rPr>
              <a:t>(Yes, many) 0 to 5 (No)</a:t>
            </a:r>
          </a:p>
          <a:p>
            <a:pPr>
              <a:defRPr/>
            </a:pPr>
            <a:r>
              <a:rPr lang="en-US" sz="1200" dirty="0">
                <a:ea typeface="+mn-ea"/>
              </a:rPr>
              <a:t>What fraction of the documentation did this person write? (Note: Contribution of all team members should not add up to more than 100%)		</a:t>
            </a:r>
            <a:r>
              <a:rPr lang="en-US" sz="1200" dirty="0">
                <a:solidFill>
                  <a:schemeClr val="tx2"/>
                </a:solidFill>
                <a:ea typeface="+mn-ea"/>
              </a:rPr>
              <a:t>(0% to 20%) 0 to 5 (80% to 100%)</a:t>
            </a:r>
          </a:p>
          <a:p>
            <a:pPr>
              <a:defRPr/>
            </a:pPr>
            <a:r>
              <a:rPr lang="en-US" sz="1200" dirty="0">
                <a:ea typeface="+mn-ea"/>
              </a:rPr>
              <a:t>How important was this person to the team?	</a:t>
            </a:r>
            <a:r>
              <a:rPr lang="en-US" sz="1200" dirty="0">
                <a:solidFill>
                  <a:schemeClr val="tx2"/>
                </a:solidFill>
                <a:ea typeface="+mn-ea"/>
              </a:rPr>
              <a:t>(Redundant) 0 to 5 (Indispensable)</a:t>
            </a:r>
          </a:p>
        </p:txBody>
      </p:sp>
      <p:sp>
        <p:nvSpPr>
          <p:cNvPr id="15364" name="TextBox 3">
            <a:extLst>
              <a:ext uri="{FF2B5EF4-FFF2-40B4-BE49-F238E27FC236}">
                <a16:creationId xmlns:a16="http://schemas.microsoft.com/office/drawing/2014/main" id="{2DEE7ADD-E8EE-F98F-9784-B6D102231FD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667000" y="5040313"/>
            <a:ext cx="3657600" cy="3698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lr>
                <a:schemeClr val="hlink"/>
              </a:buClr>
              <a:buFont typeface="Wingdings" panose="05000000000000000000" pitchFamily="2" charset="2"/>
              <a:buBlip>
                <a:blip r:embed="rId2"/>
              </a:buBlip>
              <a:defRPr sz="3200"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1pPr>
            <a:lvl2pPr marL="742950" indent="-28575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2pPr>
            <a:lvl3pPr marL="1143000" indent="-228600">
              <a:spcBef>
                <a:spcPct val="20000"/>
              </a:spcBef>
              <a:buClr>
                <a:schemeClr val="hlink"/>
              </a:buClr>
              <a:buFont typeface="Wingdings" panose="05000000000000000000" pitchFamily="2" charset="2"/>
              <a:buBlip>
                <a:blip r:embed="rId2"/>
              </a:buBlip>
              <a:defRPr sz="2400"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4pPr>
            <a:lvl5pPr marL="2057400" indent="-228600">
              <a:spcBef>
                <a:spcPct val="20000"/>
              </a:spcBef>
              <a:buClr>
                <a:schemeClr val="hlink"/>
              </a:buClr>
              <a:buFont typeface="Wingdings" panose="05000000000000000000" pitchFamily="2" charset="2"/>
              <a:buBlip>
                <a:blip r:embed="rId2"/>
              </a:buBlip>
              <a:defRPr sz="2000"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Font typeface="Wingdings" panose="05000000000000000000" pitchFamily="2" charset="2"/>
              <a:buBlip>
                <a:blip r:embed="rId2"/>
              </a:buBlip>
              <a:defRPr sz="2000"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Font typeface="Wingdings" panose="05000000000000000000" pitchFamily="2" charset="2"/>
              <a:buBlip>
                <a:blip r:embed="rId2"/>
              </a:buBlip>
              <a:defRPr sz="2000"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Font typeface="Wingdings" panose="05000000000000000000" pitchFamily="2" charset="2"/>
              <a:buBlip>
                <a:blip r:embed="rId2"/>
              </a:buBlip>
              <a:defRPr sz="2000"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hlink"/>
              </a:buClr>
              <a:buFont typeface="Wingdings" panose="05000000000000000000" pitchFamily="2" charset="2"/>
              <a:buBlip>
                <a:blip r:embed="rId2"/>
              </a:buBlip>
              <a:defRPr sz="2000">
                <a:solidFill>
                  <a:schemeClr val="tx1"/>
                </a:solidFill>
                <a:latin typeface="Verdana" panose="020B0604030504040204" pitchFamily="34" charset="0"/>
                <a:ea typeface="ＭＳ Ｐゴシック" panose="020B0600070205080204" pitchFamily="34" charset="-128"/>
              </a:defRPr>
            </a:lvl9pPr>
          </a:lstStyle>
          <a:p>
            <a:pPr>
              <a:spcBef>
                <a:spcPct val="0"/>
              </a:spcBef>
              <a:buClrTx/>
              <a:buFontTx/>
              <a:buNone/>
            </a:pPr>
            <a:r>
              <a:rPr lang="en-US" altLang="en-US" sz="1800"/>
              <a:t>Github metrics are included</a:t>
            </a:r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Competition">
  <a:themeElements>
    <a:clrScheme name="Competition 2">
      <a:dk1>
        <a:srgbClr val="800000"/>
      </a:dk1>
      <a:lt1>
        <a:srgbClr val="FFFFFF"/>
      </a:lt1>
      <a:dk2>
        <a:srgbClr val="FF9900"/>
      </a:dk2>
      <a:lt2>
        <a:srgbClr val="FFFF99"/>
      </a:lt2>
      <a:accent1>
        <a:srgbClr val="FF5050"/>
      </a:accent1>
      <a:accent2>
        <a:srgbClr val="CC3300"/>
      </a:accent2>
      <a:accent3>
        <a:srgbClr val="FFCAAA"/>
      </a:accent3>
      <a:accent4>
        <a:srgbClr val="DADADA"/>
      </a:accent4>
      <a:accent5>
        <a:srgbClr val="FFB3B3"/>
      </a:accent5>
      <a:accent6>
        <a:srgbClr val="B92D00"/>
      </a:accent6>
      <a:hlink>
        <a:srgbClr val="FFFF99"/>
      </a:hlink>
      <a:folHlink>
        <a:srgbClr val="FFCC00"/>
      </a:folHlink>
    </a:clrScheme>
    <a:fontScheme name="Competition">
      <a:majorFont>
        <a:latin typeface="Arial"/>
        <a:ea typeface="ＭＳ Ｐゴシック"/>
        <a:cs typeface=""/>
      </a:majorFont>
      <a:minorFont>
        <a:latin typeface="Verdana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="" xmlns:a14="http://schemas.microsoft.com/office/drawing/2010/main">
              <a:effectLst>
                <a:outerShdw blurRad="63500" dist="38099" dir="2700000" algn="ctr" rotWithShape="0">
                  <a:schemeClr val="bg2">
                    <a:alpha val="74998"/>
                  </a:schemeClr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Verdana" charset="0"/>
            <a:ea typeface="ＭＳ Ｐゴシック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="" xmlns:a14="http://schemas.microsoft.com/office/drawing/2010/main">
              <a:effectLst>
                <a:outerShdw blurRad="63500" dist="38099" dir="2700000" algn="ctr" rotWithShape="0">
                  <a:schemeClr val="bg2">
                    <a:alpha val="74998"/>
                  </a:schemeClr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>
            <a:ln>
              <a:noFill/>
            </a:ln>
            <a:solidFill>
              <a:schemeClr val="tx1"/>
            </a:solidFill>
            <a:effectLst/>
            <a:latin typeface="Verdana" charset="0"/>
            <a:ea typeface="ＭＳ Ｐゴシック" charset="0"/>
          </a:defRPr>
        </a:defPPr>
      </a:lstStyle>
    </a:lnDef>
  </a:objectDefaults>
  <a:extraClrSchemeLst>
    <a:extraClrScheme>
      <a:clrScheme name="Competition 1">
        <a:dk1>
          <a:srgbClr val="5C1F00"/>
        </a:dk1>
        <a:lt1>
          <a:srgbClr val="FFFFFF"/>
        </a:lt1>
        <a:dk2>
          <a:srgbClr val="990000"/>
        </a:dk2>
        <a:lt2>
          <a:srgbClr val="FFF9BB"/>
        </a:lt2>
        <a:accent1>
          <a:srgbClr val="FF3300"/>
        </a:accent1>
        <a:accent2>
          <a:srgbClr val="B86D52"/>
        </a:accent2>
        <a:accent3>
          <a:srgbClr val="CAAAAA"/>
        </a:accent3>
        <a:accent4>
          <a:srgbClr val="DADADA"/>
        </a:accent4>
        <a:accent5>
          <a:srgbClr val="FFADAA"/>
        </a:accent5>
        <a:accent6>
          <a:srgbClr val="A66249"/>
        </a:accent6>
        <a:hlink>
          <a:srgbClr val="FF9900"/>
        </a:hlink>
        <a:folHlink>
          <a:srgbClr val="FFCC6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petition 2">
        <a:dk1>
          <a:srgbClr val="800000"/>
        </a:dk1>
        <a:lt1>
          <a:srgbClr val="FFFFFF"/>
        </a:lt1>
        <a:dk2>
          <a:srgbClr val="FF9900"/>
        </a:dk2>
        <a:lt2>
          <a:srgbClr val="FFFF99"/>
        </a:lt2>
        <a:accent1>
          <a:srgbClr val="FF5050"/>
        </a:accent1>
        <a:accent2>
          <a:srgbClr val="CC3300"/>
        </a:accent2>
        <a:accent3>
          <a:srgbClr val="FFCAAA"/>
        </a:accent3>
        <a:accent4>
          <a:srgbClr val="DADADA"/>
        </a:accent4>
        <a:accent5>
          <a:srgbClr val="FFB3B3"/>
        </a:accent5>
        <a:accent6>
          <a:srgbClr val="B92D00"/>
        </a:accent6>
        <a:hlink>
          <a:srgbClr val="FFFF99"/>
        </a:hlink>
        <a:folHlink>
          <a:srgbClr val="FFCC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petition 3">
        <a:dk1>
          <a:srgbClr val="2A5400"/>
        </a:dk1>
        <a:lt1>
          <a:srgbClr val="FFFFFF"/>
        </a:lt1>
        <a:dk2>
          <a:srgbClr val="4A9400"/>
        </a:dk2>
        <a:lt2>
          <a:srgbClr val="F3F2D9"/>
        </a:lt2>
        <a:accent1>
          <a:srgbClr val="99CC00"/>
        </a:accent1>
        <a:accent2>
          <a:srgbClr val="6B4A39"/>
        </a:accent2>
        <a:accent3>
          <a:srgbClr val="B1C8AA"/>
        </a:accent3>
        <a:accent4>
          <a:srgbClr val="DADADA"/>
        </a:accent4>
        <a:accent5>
          <a:srgbClr val="CAE2AA"/>
        </a:accent5>
        <a:accent6>
          <a:srgbClr val="604233"/>
        </a:accent6>
        <a:hlink>
          <a:srgbClr val="E2BC5E"/>
        </a:hlink>
        <a:folHlink>
          <a:srgbClr val="AB7F6B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petition 4">
        <a:dk1>
          <a:srgbClr val="005A58"/>
        </a:dk1>
        <a:lt1>
          <a:srgbClr val="FFFFFF"/>
        </a:lt1>
        <a:dk2>
          <a:srgbClr val="009E9A"/>
        </a:dk2>
        <a:lt2>
          <a:srgbClr val="C5EBE4"/>
        </a:lt2>
        <a:accent1>
          <a:srgbClr val="0099CC"/>
        </a:accent1>
        <a:accent2>
          <a:srgbClr val="339933"/>
        </a:accent2>
        <a:accent3>
          <a:srgbClr val="AACCCA"/>
        </a:accent3>
        <a:accent4>
          <a:srgbClr val="DADADA"/>
        </a:accent4>
        <a:accent5>
          <a:srgbClr val="AACAE2"/>
        </a:accent5>
        <a:accent6>
          <a:srgbClr val="2D8A2D"/>
        </a:accent6>
        <a:hlink>
          <a:srgbClr val="00FF99"/>
        </a:hlink>
        <a:folHlink>
          <a:srgbClr val="4CD2D2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petition 5">
        <a:dk1>
          <a:srgbClr val="000070"/>
        </a:dk1>
        <a:lt1>
          <a:srgbClr val="FFFFFF"/>
        </a:lt1>
        <a:dk2>
          <a:srgbClr val="0000FF"/>
        </a:dk2>
        <a:lt2>
          <a:srgbClr val="C5C5FF"/>
        </a:lt2>
        <a:accent1>
          <a:srgbClr val="0099FF"/>
        </a:accent1>
        <a:accent2>
          <a:srgbClr val="7883B4"/>
        </a:accent2>
        <a:accent3>
          <a:srgbClr val="AAAAFF"/>
        </a:accent3>
        <a:accent4>
          <a:srgbClr val="DADADA"/>
        </a:accent4>
        <a:accent5>
          <a:srgbClr val="AACAFF"/>
        </a:accent5>
        <a:accent6>
          <a:srgbClr val="6C76A3"/>
        </a:accent6>
        <a:hlink>
          <a:srgbClr val="00FFFF"/>
        </a:hlink>
        <a:folHlink>
          <a:srgbClr val="2DBF68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petition 6">
        <a:dk1>
          <a:srgbClr val="4D4D4D"/>
        </a:dk1>
        <a:lt1>
          <a:srgbClr val="FFFFFF"/>
        </a:lt1>
        <a:dk2>
          <a:srgbClr val="8202E2"/>
        </a:dk2>
        <a:lt2>
          <a:srgbClr val="CCCCFF"/>
        </a:lt2>
        <a:accent1>
          <a:srgbClr val="CC99FF"/>
        </a:accent1>
        <a:accent2>
          <a:srgbClr val="666699"/>
        </a:accent2>
        <a:accent3>
          <a:srgbClr val="C1AAEE"/>
        </a:accent3>
        <a:accent4>
          <a:srgbClr val="DADADA"/>
        </a:accent4>
        <a:accent5>
          <a:srgbClr val="E2CAFF"/>
        </a:accent5>
        <a:accent6>
          <a:srgbClr val="5C5C8A"/>
        </a:accent6>
        <a:hlink>
          <a:srgbClr val="FF7C80"/>
        </a:hlink>
        <a:folHlink>
          <a:srgbClr val="FF505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petition 7">
        <a:dk1>
          <a:srgbClr val="575863"/>
        </a:dk1>
        <a:lt1>
          <a:srgbClr val="FFFFFF"/>
        </a:lt1>
        <a:dk2>
          <a:srgbClr val="818982"/>
        </a:dk2>
        <a:lt2>
          <a:srgbClr val="EAEAEA"/>
        </a:lt2>
        <a:accent1>
          <a:srgbClr val="CC6600"/>
        </a:accent1>
        <a:accent2>
          <a:srgbClr val="A4A686"/>
        </a:accent2>
        <a:accent3>
          <a:srgbClr val="C1C4C1"/>
        </a:accent3>
        <a:accent4>
          <a:srgbClr val="DADADA"/>
        </a:accent4>
        <a:accent5>
          <a:srgbClr val="E2B8AA"/>
        </a:accent5>
        <a:accent6>
          <a:srgbClr val="949679"/>
        </a:accent6>
        <a:hlink>
          <a:srgbClr val="CCCC00"/>
        </a:hlink>
        <a:folHlink>
          <a:srgbClr val="CC99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petition 8">
        <a:dk1>
          <a:srgbClr val="000000"/>
        </a:dk1>
        <a:lt1>
          <a:srgbClr val="FFFFFF"/>
        </a:lt1>
        <a:dk2>
          <a:srgbClr val="000000"/>
        </a:dk2>
        <a:lt2>
          <a:srgbClr val="CDCDCD"/>
        </a:lt2>
        <a:accent1>
          <a:srgbClr val="CDD9F7"/>
        </a:accent1>
        <a:accent2>
          <a:srgbClr val="99FF33"/>
        </a:accent2>
        <a:accent3>
          <a:srgbClr val="FFFFFF"/>
        </a:accent3>
        <a:accent4>
          <a:srgbClr val="000000"/>
        </a:accent4>
        <a:accent5>
          <a:srgbClr val="E3E9FA"/>
        </a:accent5>
        <a:accent6>
          <a:srgbClr val="8AE72D"/>
        </a:accent6>
        <a:hlink>
          <a:srgbClr val="0033CC"/>
        </a:hlink>
        <a:folHlink>
          <a:srgbClr val="6699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ompetition</Template>
  <TotalTime>23379</TotalTime>
  <Words>469</Words>
  <Application>Microsoft Office PowerPoint</Application>
  <PresentationFormat>On-screen Show (4:3)</PresentationFormat>
  <Paragraphs>40</Paragraphs>
  <Slides>8</Slides>
  <Notes>3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8</vt:i4>
      </vt:variant>
    </vt:vector>
  </HeadingPairs>
  <TitlesOfParts>
    <vt:vector size="14" baseType="lpstr">
      <vt:lpstr>MS PGothic</vt:lpstr>
      <vt:lpstr>MS PGothic</vt:lpstr>
      <vt:lpstr>Arial</vt:lpstr>
      <vt:lpstr>Verdana</vt:lpstr>
      <vt:lpstr>Wingdings</vt:lpstr>
      <vt:lpstr>Competition</vt:lpstr>
      <vt:lpstr>Teammate Evaluation Rationale #4</vt:lpstr>
      <vt:lpstr>Should contributions to your team count?</vt:lpstr>
      <vt:lpstr>But they used to …</vt:lpstr>
      <vt:lpstr>Teammate Review Issue …</vt:lpstr>
      <vt:lpstr>Ideas for new rubric</vt:lpstr>
      <vt:lpstr>PowerPoint Presentation</vt:lpstr>
      <vt:lpstr>PowerPoint Presentation</vt:lpstr>
      <vt:lpstr>New rubric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ay 2, Exercise 1</dc:title>
  <dc:creator>Ed Gehringer</dc:creator>
  <cp:lastModifiedBy>Ed Gehringer</cp:lastModifiedBy>
  <cp:revision>95</cp:revision>
  <dcterms:created xsi:type="dcterms:W3CDTF">2011-08-19T14:47:52Z</dcterms:created>
  <dcterms:modified xsi:type="dcterms:W3CDTF">2025-01-31T15:54:55Z</dcterms:modified>
</cp:coreProperties>
</file>